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28. Katetrizačné systémy pre náhradu aortálnej chlopne bioprotézou s prísluš vrátane poskytovania služieb\PTK\"/>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18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8" uniqueCount="213">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10.</t>
  </si>
  <si>
    <t>11.</t>
  </si>
  <si>
    <t>12.</t>
  </si>
  <si>
    <t>13.</t>
  </si>
  <si>
    <t>14.</t>
  </si>
  <si>
    <t>15.</t>
  </si>
  <si>
    <t>16.</t>
  </si>
  <si>
    <t>17.</t>
  </si>
  <si>
    <t>xxx</t>
  </si>
  <si>
    <t>12.1</t>
  </si>
  <si>
    <t>18.</t>
  </si>
  <si>
    <t>19.</t>
  </si>
  <si>
    <t>20.</t>
  </si>
  <si>
    <t>21.</t>
  </si>
  <si>
    <t>3.1</t>
  </si>
  <si>
    <t>3.2</t>
  </si>
  <si>
    <t>3.3</t>
  </si>
  <si>
    <t>3.4</t>
  </si>
  <si>
    <t>3.5</t>
  </si>
  <si>
    <t>7</t>
  </si>
  <si>
    <t>3</t>
  </si>
  <si>
    <t>4</t>
  </si>
  <si>
    <t>5</t>
  </si>
  <si>
    <t>6</t>
  </si>
  <si>
    <t>3.1.b)  Zoznam častí a položiek:</t>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5. ZMLUVNÉ PODMIENKY PREDMETU ZÁKAZKY</t>
  </si>
  <si>
    <t>Minimálne zmluvné podmienky predmetu zákazky:</t>
  </si>
  <si>
    <t>Položka číslo</t>
  </si>
  <si>
    <t xml:space="preserve">Názov časti predmetu zákazky/názov položky predmetu zákazky </t>
  </si>
  <si>
    <r>
      <t xml:space="preserve">Merná jednotka
</t>
    </r>
    <r>
      <rPr>
        <sz val="10"/>
        <color theme="1"/>
        <rFont val="Arial"/>
        <family val="2"/>
        <charset val="238"/>
      </rPr>
      <t>(MJ)</t>
    </r>
  </si>
  <si>
    <t>Položka č. 1</t>
  </si>
  <si>
    <t>33184300-6 Umelé časti srdca</t>
  </si>
  <si>
    <t>33182220-7 Srdcové chlopne</t>
  </si>
  <si>
    <t xml:space="preserve">1. </t>
  </si>
  <si>
    <t xml:space="preserve">Vhodná na transkatétrovú implantáciu u pacientov so závažnou aortálnou  stenózou.  </t>
  </si>
  <si>
    <t xml:space="preserve">Implantačný systém je vhodný na zavedenie transfemorálnym a alternatívne aj iným (transsubklaviálnym, transaxilárnym alebo transaortálnym) prístupom.   </t>
  </si>
  <si>
    <t xml:space="preserve">Cípy bioprotézy sú ošetrené antikalciifkačnou úpravou.   </t>
  </si>
  <si>
    <t xml:space="preserve">Bioprotéza je dostupná aspoň v 4 veľkostiach pre implantáciu do aortálneho anulu v rozmedzí aspoň 19 -27 mm.  </t>
  </si>
  <si>
    <t>Je prípustná možnosť implantácie do dysfukčných bioprotéz v aortálnej ako aj v mitrálnej a trikuspidálnej pozícii.</t>
  </si>
  <si>
    <t>Zavádzací systém (príslušenstvo):</t>
  </si>
  <si>
    <t>Zavádzač je vybavený bezpečnostným zámkom proti nežiadúcemu uvoľneniu chlopne.</t>
  </si>
  <si>
    <t xml:space="preserve">Vhodná na transkatétrovú supraanulárnu implantáciu u pacientov so závažnou aortálnou stenózou.   </t>
  </si>
  <si>
    <t>Implantačný systém je vhodný na zavedenie transfemorálnym a alternatívne aj iným (transsublaviálnym, transaxilárnym alebo transaortálnym) prístupom.</t>
  </si>
  <si>
    <t xml:space="preserve">Implantačný systém musí umožňovať opakovanú implantáciu bioprotézy (plne vyberateľná a reponovateľná protéza).  </t>
  </si>
  <si>
    <t xml:space="preserve">Bioprotéza je ošetrená antikalcifikačnou úpravou a musí mať našitú vonkajšiu   sukničku.  </t>
  </si>
  <si>
    <t xml:space="preserve">Bioprotéza je ošetrená antikalcifikačnou úpravou.  </t>
  </si>
  <si>
    <t>2</t>
  </si>
  <si>
    <t>Implantačný systém je vhodný na zavedenie transfemorálnym a alternatívne aj iným (transsubklaviálnym, transaxilárnym alebo transaortálnym) prístupom.</t>
  </si>
  <si>
    <t xml:space="preserve">Bioprotéza je dostupná aspoň v 4 veľkostiach pre implantáciu do aortálneho anulu v rozmedzí aspoň 19 - 27 mm.  </t>
  </si>
  <si>
    <t xml:space="preserve">Vhodná na transkatétrovú intraanulárnu implantáciu u pacientov so závažnou   aortálnou stenózou.    </t>
  </si>
  <si>
    <t xml:space="preserve">Implantačný systém musí umožňovať opakovanú implantáciu bioprotézy (plne vyberateľná a reponovateľná protéza).    </t>
  </si>
  <si>
    <t xml:space="preserve">Bioprotéza je ošetrená antikalcifikačnou úpravou. </t>
  </si>
  <si>
    <t xml:space="preserve">požaduje sa sledovanie štúdie aspoň 2 roky, </t>
  </si>
  <si>
    <t xml:space="preserve">štúdia sa realizuje ako porovnanie s chirurgickými protézami, alebo TAVI protézami, ktoré sú už dlho na trhu,  </t>
  </si>
  <si>
    <t>štúdia musí byť predložená vo forme naskenovaného originálu, vo formáte .pdf s názvom „Porovnávacia štúdia",</t>
  </si>
  <si>
    <t xml:space="preserve">štúdia musí byť realizovaná a publikovaná,  </t>
  </si>
  <si>
    <t>požaduje sa predložiť odkaz/link na periodikum, kde bola štúdia publikovaná,</t>
  </si>
  <si>
    <t xml:space="preserve">na základe realizovanej a publikovanej štúdie sa musí dať vyhodnotiť kvalita – teda účinnosť, životnosť protézy, možné komplikácie, prednosti, </t>
  </si>
  <si>
    <t>4.1</t>
  </si>
  <si>
    <t>4.2</t>
  </si>
  <si>
    <t>Požaduje sa, aby uchádzač poskytoval počas trvania zmluvného vzťahu verejne dostupné výsledky klinických štúdií v oblasti TAVI .</t>
  </si>
  <si>
    <t>4.4</t>
  </si>
  <si>
    <t>4.5</t>
  </si>
  <si>
    <t>4.6</t>
  </si>
  <si>
    <t xml:space="preserve">Požaduje sa, aby uchádzač zabezpečil pred prvou implantáciou bioprotézy jednorazový tréning pre celý tím verejného obstarávateľa vykonávajúceho implantáciu bioprotézy (ďalej len „TAVI tím“) v školiacom zariadení ( t.j. pracovisko, ktoré vykonáva implantácie bioprotézy v jednom z členských štátov Európskej únie) alebo v edukačnom centre výrobcu bioprotézy na náklady uchádzača. Jednorazový tréning sa musí uskutočniť najneskôr 30 dní pred prvou implantáciou bioprotézy. Kompletná dokumentácia týkajúca sa jednorazového tréningu musí byť evidovaná v listinnej podobe a odovzdaná verejnému obstarávateľovi.  </t>
  </si>
  <si>
    <t xml:space="preserve">Požaduje sa, aby uchádzač zabezpečil nepretržitú prítomnosť certifikovaného školiteľa – proktora (tzv. observácia) na pracovisku verejného obstarávateľa v deň konania implantácie bioprotézy, počas implantácie bioprotézy a bezprostredne po vykonaní implantácie bioprotézy. Požaduje sa, aby uchádzač zabezpečil nepretržitú prítomnosť certifikovaného školiteľa – proktora pre minimálne prvých 5 implantácií bioprotézy. Náklady spojené s prítomnosťou certifikovaného školiteľa – proktora znáša v plnej výške uchádzač a musia byť zahrnuté v cene predmetu zákazky. </t>
  </si>
  <si>
    <t xml:space="preserve">Požaduje sa, aby uchádzač zabezpečil kontinuálny, pravidelný tréning a ďalšie preškoľovanie odborného personálu verejného obstarávateľa vykonávajúceho implantácie bioprotézy počas trvania zmluvného vzťahu s cieľom vzdelávania sa, získania praktických, najnovších skúseností s metodikou transkatetrálnej aortálnej chlopne (TAVI) a tipov, trikov pri TAVI procedúrach. Kompletná dokumentácia týkajúca sa pravidelných tréningov a ďalšieho preškoľovania musí byť evidovaná v listinnej podobe a odovzdaná verejnému obstarávateľovi.  </t>
  </si>
  <si>
    <t xml:space="preserve">Požaduje sa zabezpečiť pred každou implantáciou bioprotézy kompletnú prípravu transkatetrálnej aortálnej chlopne na jej zavedenie do tela pacienta vrátane jej komprimácie do zavádzacieho katétra potrebného na samotné zavedenie chlopne. </t>
  </si>
  <si>
    <t>Katetrizačný systém pre náhradu aortálnej chlopne bioprotézou s osobitným zreteľom na balónom expandovateľnú chróm – kobaltovú bioprotézu s príslušenstvom.</t>
  </si>
  <si>
    <t>Katetrizačný systém pre náhradu aortálnej  chlopne bioprotézou s osobitným zreteľom na samoexpandovateľnú nitinolovú bioprotézu, typ 1 s príslušenstvom.</t>
  </si>
  <si>
    <t xml:space="preserve">Vhodná na transkatétrovú supraanulárnu implantáciu u pacientov so závažnou   aortálnou stenózou.   </t>
  </si>
  <si>
    <t>Katetrizačný systém pre náhradu aortálnej chlopne bioprotézou s osobitným zreteľom na samoexpandovateľnú nitinolovú bioprotézu, typ 3 s príslušenstvom.</t>
  </si>
  <si>
    <t xml:space="preserve">Bioprotéza je dostupná aspoň v 4 veľkostiach pre implantáciu do aortálneho anulu v rozmedzí aspoň 18 -30 mm. </t>
  </si>
  <si>
    <t>8</t>
  </si>
  <si>
    <t>8.1</t>
  </si>
  <si>
    <t xml:space="preserve">Je prípustná možnosť implantácie do dysfukčných bioprotéz v aortálnej pozícii.  </t>
  </si>
  <si>
    <t>Katetrizačný systém pre náhradu aortálnej chlopne bioprotézou s osobitným zreteľom na samoexpandovateľnú nitinolovú bioprotézu, typ 2 s príslušenstvom.</t>
  </si>
  <si>
    <t>Katetrizačný systém pre náhradu aortálnej chlopne bioprotézou s osobitným zreteľom na samoexpandovateľnú nitinolovú bioprotézu, typ 4 s príslušenstvom.</t>
  </si>
  <si>
    <t xml:space="preserve">Požaduje sa zabezpečiť počas pracovných dní školiteľa – proktora s implantačnými skúsenosťami bioprotézy, hovoriaceho v slovenskom, resp. českom jazyku za účelom poskytovania telefonickej a/alebo elektronickej konzultácie pre maximalizáciu úspešností implantácií bioprotézy realizovaných verejným obstarávateľom.  </t>
  </si>
  <si>
    <t>Áno - 5 časti</t>
  </si>
  <si>
    <r>
      <t>Predmet zákazky je rozdelený na 5 samostatných častí</t>
    </r>
    <r>
      <rPr>
        <sz val="10"/>
        <rFont val="Arial"/>
        <family val="2"/>
        <charset val="238"/>
      </rPr>
      <t>.</t>
    </r>
  </si>
  <si>
    <r>
      <t>Požaduje sa predložiť</t>
    </r>
    <r>
      <rPr>
        <b/>
        <sz val="10"/>
        <color theme="1"/>
        <rFont val="Arial"/>
        <family val="2"/>
        <charset val="238"/>
      </rPr>
      <t xml:space="preserve"> 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Požaduje sa uzatvorenie rámcovej dohody, a to na dohodnuté zmluvné obdobie 36 kalendárnych mesiacov, resp. do doby naplnenia zmluvného finančného objemu podľa toho, ktorá z uvedených skutočností nastane skôr.</t>
  </si>
  <si>
    <t>Katetrizačné systémy pre náhradu aortálnej chlopne bioprotézou s príslušenstvom vrátane poskytovania služieb</t>
  </si>
  <si>
    <t xml:space="preserve">Časť č. 1 - Katetrizačný systém pre náhradu aortálnej chlopne bioprotézou s osobitným zreteľom na balónom expandovateľnú chróm – kobaltovú bioprotézu s príslušenstvom vrátane poskytovania služieb  </t>
  </si>
  <si>
    <t xml:space="preserve">Časť č. 2 - Katetrizačný systém pre náhradu aortálne chlopne bioprotézou s osobitným zreteľom na samoexpandovateľnú nitinolovú bioprotézu typ 1 s príslušenstvom vrátane poskytovania služieb   </t>
  </si>
  <si>
    <t xml:space="preserve">Časť č. 3 - Katetrizačný systém pre náhradu aortálnej chlopne bioprotézou s osobitným zreteľom na samoexpandovateľnú nitinolovú bioprotézu, typ 2 s príslušenstvom vrátane poskytovania služieb    </t>
  </si>
  <si>
    <t xml:space="preserve">Časť č. 4 - Katetrizačný systém pre náhradu aortálnej  chlopne bioprotézou s osobitným zreteľom na samoexpandovateľnú nitinolovú  bioprotézu, typ 3 s príslušenstvom vrátane poskytovania služieb   </t>
  </si>
  <si>
    <t xml:space="preserve">Časť č. 5 - Katetrizačný systém pre náhradu aortálnej chlopne bioprotézou s osobitným zreteľom na samoexpandovateľnú nitinolovú bioprotézu, typ 4 s príslušenstvom vrátane poskytovania služieb    </t>
  </si>
  <si>
    <t xml:space="preserve">Požadovaný počet MJ na obdobie 36 mesiacov
</t>
  </si>
  <si>
    <t>Balónom expandovateľná chróm – kobaltová bioprotéza s príslušenstvom vrátane poskytovania služieb</t>
  </si>
  <si>
    <t>Samoexpandovateľná nitinolová bioprotéza, typ 1 (bioprotéza musí mať našitú vonkajšiu sukničku) s príslušenstvom vrátane poskytovania služieb</t>
  </si>
  <si>
    <t>Samoexpandovateľná nitinolová bioprotéza, typ 2 s príslušenstvom vrátane poskytovania služieb</t>
  </si>
  <si>
    <t>Samoexpandovateľná nitinolová bioprotéza, typ 3 (bioprotéza musí mať našitú vonkajšiu sukničku) s príslušenstvom vrátane poskytovania služieb</t>
  </si>
  <si>
    <t>Samoexpandovateľná nitinolová bioprotéza, typ 4 s príslušenstvom vrátane poskytovania služieb</t>
  </si>
  <si>
    <t>Položka č. 1 - Samoexpandovateľná nitinolová bioprotéza, typ 1 (bioprotéza musí mať našitú vonkajšiu sukničku) s príslušenstvom vrátane poskytovania služieb</t>
  </si>
  <si>
    <t>Položka č. 1 - Samoexpandovateľná nitinolová bioprotéza, typ 2 s príslušenstvom vrátane poskytovania služieb</t>
  </si>
  <si>
    <t>Položka č. 1 - Samoexpandovateľná nitinolová bioprotéza, typ 3 (bioprotéza musí mať našitú vonkajšiu sukničku) s príslušenstvom vrátane poskytovania služieb</t>
  </si>
  <si>
    <t>Položka č. 1 - Samoexpandovateľná nitinolová bioprotéza, typ 4 s príslušenstvom vrátane poskytovania služieb</t>
  </si>
  <si>
    <t xml:space="preserve">Položka č. 1 - Balónom expandovateľná chróm – kobaltová bioprotéza s príslušenstvom vrátane poskytovania služieb  </t>
  </si>
  <si>
    <t>Súčasťou je transparentné filmové krytie kože s rámčekom na prekrytie a antikontaminačnú ochranu na udržanie prostredia potrebného na liečenie rán.</t>
  </si>
  <si>
    <t xml:space="preserve">Súčasťou je transparentné filmové krytie kože s rámčekom na prekrytie a antikontaminačnú ochranu na udržanie prostredia potrebného na liečenie rán. </t>
  </si>
  <si>
    <t xml:space="preserve">Súčasťou je transparentné filmové krytie kože s rámčekom na prekrytie a antikontaminačnú ochranu na udržanie prostredia potrebného na liečenie rán.  </t>
  </si>
  <si>
    <t>9</t>
  </si>
  <si>
    <t>9.1</t>
  </si>
  <si>
    <t xml:space="preserve">Súčasťou je transparentné filmové krytie kože s rámčekom na prekrytie a antikontaminačnú ochranu na udržanie prostredia potrebného na liečenie rán.   </t>
  </si>
  <si>
    <r>
      <t xml:space="preserve">Požaduje sa </t>
    </r>
    <r>
      <rPr>
        <b/>
        <sz val="10"/>
        <rFont val="Arial"/>
        <family val="2"/>
        <charset val="238"/>
      </rPr>
      <t xml:space="preserve">pre časť č. 1, 3 a 5 predmetu zákazky predložiť </t>
    </r>
    <r>
      <rPr>
        <sz val="10"/>
        <rFont val="Arial"/>
        <family val="2"/>
        <charset val="238"/>
      </rPr>
      <t>dokument "</t>
    </r>
    <r>
      <rPr>
        <b/>
        <sz val="10"/>
        <rFont val="Arial"/>
        <family val="2"/>
        <charset val="238"/>
      </rPr>
      <t>Porovnávacia štúdia</t>
    </r>
    <r>
      <rPr>
        <sz val="10"/>
        <rFont val="Arial"/>
        <family val="2"/>
        <charset val="238"/>
      </rPr>
      <t>" (ďalej len "štúdia" ):</t>
    </r>
  </si>
  <si>
    <r>
      <t xml:space="preserve">Služby spojené s implantáciou bioprotézy, ktoré musia byť zahrnuté v cene predmetu zákazky. </t>
    </r>
    <r>
      <rPr>
        <b/>
        <u/>
        <sz val="10"/>
        <rFont val="Arial"/>
        <family val="2"/>
        <charset val="238"/>
      </rPr>
      <t xml:space="preserve">Služby sa požadujú pre tie bioprotézy, ktoré vo VÚSCH, a.s. neboli implantované. </t>
    </r>
  </si>
  <si>
    <t>4.3</t>
  </si>
  <si>
    <t>5.1</t>
  </si>
  <si>
    <t>5.2</t>
  </si>
  <si>
    <t>5.3</t>
  </si>
  <si>
    <t>5.4</t>
  </si>
  <si>
    <t>5.5</t>
  </si>
  <si>
    <t>5.6</t>
  </si>
  <si>
    <t>Katetrizačné systémy pre náhradu aortálnej chlopne bioprotézou s príslušenstvom vrátane poskytovania služieb.</t>
  </si>
  <si>
    <t>Časť č. 5 - Katetrizačný systém pre náhradu aortálnej chlopne bioprotézou s osobitným zreteľom na samoexpandovateľnú nitinolovú bioprotézu typ 4 s príslušenstvom vrátane poskytovania služieb</t>
  </si>
  <si>
    <t>Časť č. 2 - Katetrizačný systém pre náhradu aortálnej chlopne bioprotézou s osobitným zreteľom na samoexpandovateľnú nitinolovú bioprotézu typ 1 s príslušenstvom vrátane poskytovania služieb</t>
  </si>
  <si>
    <t>Časť č. 3 - Katetrizačný systém pre náhradu aortálnej chlopne bioprotézou s osobitným zreteľom na samoexpandovateľnú nitinolovú bioprotézu typ 2 s príslušenstvom vrátane poskytovania služieb</t>
  </si>
  <si>
    <t>Časť č. 4 - Katetrizačný systém pre náhradu aortálnej  chlopne bioprotézou s osobitným zreteľom na samoexpandovateľnú nitinolovú bioprotézu typ 3 s príslušenstvom vrátane poskytovania služieb</t>
  </si>
  <si>
    <r>
      <rPr>
        <b/>
        <sz val="10"/>
        <color theme="1"/>
        <rFont val="Arial"/>
        <family val="2"/>
        <charset val="238"/>
      </rPr>
      <t>Potvrdenie ŠÚKL</t>
    </r>
    <r>
      <rPr>
        <sz val="10"/>
        <color theme="1"/>
        <rFont val="Arial"/>
        <family val="2"/>
        <charset val="238"/>
      </rPr>
      <t xml:space="preserve"> - výstup z databázy registrovaných/evidovaných zdravotníckych pomôcok, resp. iné doklady, ktoré nahrádzajú požadované potvrdenie ku všetkým ponúkaným produktom uvedeným v prílohe – Sortiment ponúkaného tovaru.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b/>
      <u/>
      <sz val="1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dotted">
        <color auto="1"/>
      </top>
      <bottom style="medium">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medium">
        <color auto="1"/>
      </left>
      <right style="thin">
        <color auto="1"/>
      </right>
      <top/>
      <bottom style="medium">
        <color auto="1"/>
      </bottom>
      <diagonal/>
    </border>
    <border>
      <left style="thin">
        <color auto="1"/>
      </left>
      <right style="medium">
        <color indexed="64"/>
      </right>
      <top/>
      <bottom style="thin">
        <color auto="1"/>
      </bottom>
      <diagonal/>
    </border>
    <border>
      <left style="medium">
        <color auto="1"/>
      </left>
      <right/>
      <top style="thin">
        <color auto="1"/>
      </top>
      <bottom style="thin">
        <color auto="1"/>
      </bottom>
      <diagonal/>
    </border>
    <border>
      <left style="thin">
        <color auto="1"/>
      </left>
      <right style="thin">
        <color auto="1"/>
      </right>
      <top/>
      <bottom style="medium">
        <color indexed="64"/>
      </bottom>
      <diagonal/>
    </border>
    <border>
      <left style="thin">
        <color auto="1"/>
      </left>
      <right style="thin">
        <color auto="1"/>
      </right>
      <top style="medium">
        <color auto="1"/>
      </top>
      <bottom style="thin">
        <color indexed="64"/>
      </bottom>
      <diagonal/>
    </border>
    <border>
      <left style="dotted">
        <color auto="1"/>
      </left>
      <right style="medium">
        <color indexed="64"/>
      </right>
      <top/>
      <bottom style="medium">
        <color indexed="64"/>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auto="1"/>
      </left>
      <right style="thin">
        <color auto="1"/>
      </right>
      <top/>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auto="1"/>
      </left>
      <right style="thin">
        <color auto="1"/>
      </right>
      <top/>
      <bottom style="dotted">
        <color indexed="64"/>
      </bottom>
      <diagonal/>
    </border>
    <border>
      <left style="medium">
        <color auto="1"/>
      </left>
      <right/>
      <top/>
      <bottom style="thin">
        <color auto="1"/>
      </bottom>
      <diagonal/>
    </border>
    <border>
      <left style="medium">
        <color auto="1"/>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indexed="64"/>
      </left>
      <right/>
      <top style="thin">
        <color auto="1"/>
      </top>
      <bottom/>
      <diagonal/>
    </border>
    <border>
      <left/>
      <right/>
      <top style="thin">
        <color auto="1"/>
      </top>
      <bottom/>
      <diagonal/>
    </border>
    <border>
      <left/>
      <right style="thin">
        <color indexed="64"/>
      </right>
      <top style="thin">
        <color auto="1"/>
      </top>
      <bottom/>
      <diagonal/>
    </border>
    <border>
      <left style="thin">
        <color indexed="64"/>
      </left>
      <right/>
      <top style="medium">
        <color indexed="64"/>
      </top>
      <bottom style="thin">
        <color indexed="64"/>
      </bottom>
      <diagonal/>
    </border>
    <border>
      <left style="thin">
        <color auto="1"/>
      </left>
      <right/>
      <top style="thin">
        <color indexed="64"/>
      </top>
      <bottom style="dotted">
        <color indexed="64"/>
      </bottom>
      <diagonal/>
    </border>
    <border>
      <left style="thin">
        <color indexed="64"/>
      </left>
      <right/>
      <top style="dotted">
        <color indexed="64"/>
      </top>
      <bottom style="dotted">
        <color indexed="64"/>
      </bottom>
      <diagonal/>
    </border>
    <border>
      <left style="thin">
        <color auto="1"/>
      </left>
      <right/>
      <top style="dotted">
        <color indexed="64"/>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7"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4" fillId="0" borderId="12"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0" fontId="4" fillId="0" borderId="0" xfId="0" applyNumberFormat="1" applyFont="1" applyFill="1" applyAlignment="1">
      <alignment horizontal="left" vertical="top" wrapText="1"/>
    </xf>
    <xf numFmtId="49" fontId="4" fillId="0" borderId="22"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2" fillId="0" borderId="12" xfId="0" applyNumberFormat="1" applyFont="1" applyBorder="1" applyAlignment="1">
      <alignment horizontal="center" vertical="center" wrapText="1"/>
    </xf>
    <xf numFmtId="0" fontId="2" fillId="0" borderId="25" xfId="0" applyNumberFormat="1" applyFont="1" applyBorder="1" applyAlignment="1">
      <alignment horizontal="center" vertical="center" wrapText="1"/>
    </xf>
    <xf numFmtId="49" fontId="2" fillId="0" borderId="21" xfId="0" applyNumberFormat="1" applyFont="1" applyBorder="1" applyAlignment="1">
      <alignment horizontal="center" vertical="center"/>
    </xf>
    <xf numFmtId="0" fontId="7" fillId="0" borderId="29"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9" xfId="0" applyFont="1" applyFill="1" applyBorder="1" applyAlignment="1">
      <alignment horizontal="left" vertical="center" wrapText="1"/>
    </xf>
    <xf numFmtId="49" fontId="2" fillId="2" borderId="4" xfId="0" applyNumberFormat="1" applyFont="1" applyFill="1" applyBorder="1" applyAlignment="1">
      <alignment horizontal="center" vertical="center" wrapText="1"/>
    </xf>
    <xf numFmtId="49" fontId="4" fillId="0" borderId="12" xfId="0" applyNumberFormat="1" applyFont="1" applyFill="1" applyBorder="1" applyAlignment="1">
      <alignment vertical="center" wrapText="1"/>
    </xf>
    <xf numFmtId="0" fontId="2" fillId="0" borderId="27" xfId="0" applyNumberFormat="1" applyFont="1" applyBorder="1" applyAlignment="1">
      <alignment horizontal="center" vertical="center" wrapText="1"/>
    </xf>
    <xf numFmtId="0" fontId="2" fillId="0" borderId="28"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4" xfId="0" applyNumberFormat="1" applyFont="1" applyFill="1" applyBorder="1" applyAlignment="1">
      <alignment horizontal="center" vertical="center" wrapText="1"/>
    </xf>
    <xf numFmtId="0" fontId="2" fillId="0" borderId="34"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0" fillId="6" borderId="0" xfId="0" applyFill="1"/>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31" xfId="0" applyNumberFormat="1" applyFont="1" applyBorder="1" applyAlignment="1">
      <alignment horizontal="left" vertical="center" wrapText="1"/>
    </xf>
    <xf numFmtId="49" fontId="2" fillId="0" borderId="31" xfId="0" applyNumberFormat="1" applyFont="1" applyBorder="1" applyAlignment="1">
      <alignment horizontal="center" vertical="center" wrapText="1"/>
    </xf>
    <xf numFmtId="49" fontId="4" fillId="0" borderId="6" xfId="0" applyNumberFormat="1" applyFont="1" applyFill="1" applyBorder="1" applyAlignment="1">
      <alignment horizontal="left"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2" fillId="0" borderId="12" xfId="0" applyFont="1" applyFill="1" applyBorder="1" applyAlignment="1">
      <alignment horizontal="left" vertical="top" wrapText="1"/>
    </xf>
    <xf numFmtId="0" fontId="2" fillId="0" borderId="12" xfId="0" applyFont="1" applyFill="1" applyBorder="1" applyAlignment="1">
      <alignment horizontal="center" vertical="top" wrapText="1"/>
    </xf>
    <xf numFmtId="0" fontId="2" fillId="0" borderId="5" xfId="0" applyFont="1" applyFill="1" applyBorder="1" applyAlignment="1">
      <alignment vertical="top" wrapText="1"/>
    </xf>
    <xf numFmtId="0" fontId="2" fillId="0" borderId="6" xfId="0" applyFont="1" applyFill="1" applyBorder="1" applyAlignment="1">
      <alignment vertical="top" wrapText="1"/>
    </xf>
    <xf numFmtId="3" fontId="2" fillId="0" borderId="38" xfId="0" applyNumberFormat="1" applyFont="1" applyBorder="1" applyAlignment="1">
      <alignment horizontal="center" vertical="center" wrapText="1"/>
    </xf>
    <xf numFmtId="0" fontId="2" fillId="0" borderId="39" xfId="0" applyFont="1" applyBorder="1" applyAlignment="1">
      <alignment vertical="center" wrapText="1"/>
    </xf>
    <xf numFmtId="0" fontId="2" fillId="0" borderId="41" xfId="0" applyFont="1" applyBorder="1" applyAlignment="1">
      <alignment vertical="center" wrapText="1"/>
    </xf>
    <xf numFmtId="3" fontId="2" fillId="0" borderId="42" xfId="0" applyNumberFormat="1" applyFont="1" applyFill="1" applyBorder="1" applyAlignment="1">
      <alignment horizontal="center" vertical="center" wrapText="1"/>
    </xf>
    <xf numFmtId="0" fontId="2" fillId="7" borderId="0" xfId="0" applyFont="1" applyFill="1" applyBorder="1" applyAlignment="1">
      <alignment horizontal="center" vertical="center" wrapText="1"/>
    </xf>
    <xf numFmtId="0" fontId="2" fillId="7" borderId="40" xfId="0" applyFont="1" applyFill="1" applyBorder="1" applyAlignment="1">
      <alignment horizontal="center" vertical="center" wrapText="1"/>
    </xf>
    <xf numFmtId="0" fontId="2" fillId="0" borderId="0" xfId="0" applyFont="1" applyBorder="1" applyAlignment="1">
      <alignment vertical="center" wrapText="1"/>
    </xf>
    <xf numFmtId="0" fontId="3" fillId="0" borderId="40" xfId="0" applyFont="1" applyBorder="1" applyAlignment="1">
      <alignment horizontal="center" vertical="center" wrapText="1"/>
    </xf>
    <xf numFmtId="49" fontId="2" fillId="0" borderId="21" xfId="0" applyNumberFormat="1" applyFont="1" applyFill="1" applyBorder="1" applyAlignment="1">
      <alignment horizontal="right" vertical="center" wrapText="1"/>
    </xf>
    <xf numFmtId="49" fontId="2" fillId="0" borderId="12" xfId="0" applyNumberFormat="1" applyFont="1" applyFill="1" applyBorder="1" applyAlignment="1">
      <alignment horizontal="center" vertical="center" wrapText="1"/>
    </xf>
    <xf numFmtId="49" fontId="2" fillId="0" borderId="36" xfId="0" applyNumberFormat="1" applyFont="1" applyFill="1" applyBorder="1" applyAlignment="1">
      <alignment horizontal="right" vertical="center" wrapText="1"/>
    </xf>
    <xf numFmtId="49" fontId="2" fillId="0" borderId="46" xfId="0" applyNumberFormat="1" applyFont="1" applyFill="1" applyBorder="1" applyAlignment="1">
      <alignment horizontal="right" vertical="center" wrapText="1"/>
    </xf>
    <xf numFmtId="49" fontId="2" fillId="0" borderId="45" xfId="0" applyNumberFormat="1" applyFont="1" applyFill="1" applyBorder="1" applyAlignment="1">
      <alignment horizontal="right" vertical="center" wrapText="1"/>
    </xf>
    <xf numFmtId="49" fontId="2" fillId="0" borderId="43" xfId="0" applyNumberFormat="1" applyFont="1" applyFill="1" applyBorder="1" applyAlignment="1">
      <alignment horizontal="right" vertical="center" wrapText="1"/>
    </xf>
    <xf numFmtId="49" fontId="2" fillId="0" borderId="44"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49" fontId="2" fillId="0" borderId="6" xfId="0" applyNumberFormat="1" applyFont="1" applyBorder="1" applyAlignment="1">
      <alignment horizontal="left" vertical="center" wrapText="1"/>
    </xf>
    <xf numFmtId="49" fontId="2" fillId="0" borderId="8" xfId="0" applyNumberFormat="1" applyFont="1" applyBorder="1" applyAlignment="1">
      <alignment horizontal="center" vertical="center" wrapText="1"/>
    </xf>
    <xf numFmtId="49" fontId="2" fillId="0" borderId="8" xfId="0" applyNumberFormat="1" applyFont="1" applyBorder="1" applyAlignment="1">
      <alignment horizontal="right" vertical="center"/>
    </xf>
    <xf numFmtId="0" fontId="13" fillId="0" borderId="0" xfId="0" applyFont="1" applyBorder="1" applyAlignment="1">
      <alignment vertical="center" wrapText="1"/>
    </xf>
    <xf numFmtId="49" fontId="2" fillId="0" borderId="6" xfId="0" applyNumberFormat="1" applyFont="1" applyBorder="1" applyAlignment="1">
      <alignment vertical="center" wrapText="1"/>
    </xf>
    <xf numFmtId="16" fontId="5" fillId="0" borderId="0" xfId="0" applyNumberFormat="1" applyFont="1" applyFill="1" applyAlignment="1">
      <alignment horizontal="left" vertical="top" wrapText="1"/>
    </xf>
    <xf numFmtId="0" fontId="2" fillId="0" borderId="0" xfId="0" applyFont="1" applyAlignment="1">
      <alignment horizontal="center" vertical="center" wrapText="1"/>
    </xf>
    <xf numFmtId="49" fontId="5" fillId="0" borderId="12" xfId="0" applyNumberFormat="1" applyFont="1" applyFill="1" applyBorder="1" applyAlignment="1">
      <alignment vertical="center" wrapText="1"/>
    </xf>
    <xf numFmtId="0" fontId="2" fillId="0" borderId="33" xfId="0" applyFont="1" applyFill="1" applyBorder="1" applyAlignment="1">
      <alignment horizontal="left" vertical="center" wrapText="1"/>
    </xf>
    <xf numFmtId="49" fontId="2" fillId="0" borderId="48" xfId="0" applyNumberFormat="1" applyFont="1" applyBorder="1" applyAlignment="1">
      <alignment horizontal="right" vertical="center"/>
    </xf>
    <xf numFmtId="49" fontId="4" fillId="0" borderId="49" xfId="0" applyNumberFormat="1" applyFont="1" applyFill="1" applyBorder="1" applyAlignment="1">
      <alignment vertical="center" wrapText="1"/>
    </xf>
    <xf numFmtId="0" fontId="2" fillId="0" borderId="49" xfId="0" applyNumberFormat="1" applyFont="1" applyBorder="1" applyAlignment="1">
      <alignment horizontal="center" vertical="center" wrapText="1"/>
    </xf>
    <xf numFmtId="49" fontId="2" fillId="0" borderId="50" xfId="0" applyNumberFormat="1" applyFont="1" applyBorder="1" applyAlignment="1">
      <alignment horizontal="left" vertical="center" wrapText="1"/>
    </xf>
    <xf numFmtId="0" fontId="4" fillId="0" borderId="5" xfId="0" applyFont="1" applyFill="1" applyBorder="1" applyAlignment="1">
      <alignment vertical="center" wrapText="1"/>
    </xf>
    <xf numFmtId="0" fontId="4" fillId="0" borderId="55" xfId="0" applyFont="1" applyFill="1" applyBorder="1" applyAlignment="1">
      <alignment vertical="center" wrapText="1"/>
    </xf>
    <xf numFmtId="0" fontId="4" fillId="7" borderId="56" xfId="0" applyFont="1" applyFill="1" applyBorder="1" applyAlignment="1">
      <alignment vertical="center" wrapText="1"/>
    </xf>
    <xf numFmtId="0" fontId="4" fillId="0" borderId="56" xfId="0" applyFont="1" applyFill="1" applyBorder="1" applyAlignment="1">
      <alignment vertical="center" wrapText="1"/>
    </xf>
    <xf numFmtId="0" fontId="4" fillId="0" borderId="57" xfId="0" applyFont="1" applyFill="1" applyBorder="1" applyAlignment="1">
      <alignment vertical="center" wrapText="1"/>
    </xf>
    <xf numFmtId="0" fontId="13" fillId="7" borderId="5" xfId="0" applyFont="1" applyFill="1" applyBorder="1" applyAlignment="1">
      <alignment vertical="center" wrapText="1"/>
    </xf>
    <xf numFmtId="0" fontId="4" fillId="7" borderId="5" xfId="0" applyFont="1" applyFill="1" applyBorder="1" applyAlignment="1">
      <alignment vertical="center" wrapText="1"/>
    </xf>
    <xf numFmtId="0" fontId="4" fillId="7" borderId="54" xfId="0" applyFont="1" applyFill="1" applyBorder="1" applyAlignment="1">
      <alignment vertical="center" wrapText="1"/>
    </xf>
    <xf numFmtId="49" fontId="3" fillId="0" borderId="24" xfId="0" applyNumberFormat="1" applyFont="1" applyFill="1" applyBorder="1" applyAlignment="1">
      <alignment horizontal="center" vertical="center" wrapText="1"/>
    </xf>
    <xf numFmtId="49" fontId="3" fillId="0" borderId="36" xfId="0" applyNumberFormat="1" applyFont="1" applyFill="1" applyBorder="1" applyAlignment="1">
      <alignment horizontal="center" vertical="center" wrapText="1"/>
    </xf>
    <xf numFmtId="49" fontId="3" fillId="0" borderId="30" xfId="0" applyNumberFormat="1" applyFont="1" applyFill="1" applyBorder="1" applyAlignment="1">
      <alignment horizontal="center" vertical="center" wrapText="1"/>
    </xf>
    <xf numFmtId="49" fontId="5" fillId="5" borderId="10" xfId="0" applyNumberFormat="1" applyFont="1" applyFill="1" applyBorder="1" applyAlignment="1">
      <alignment horizontal="left" vertical="center" wrapText="1"/>
    </xf>
    <xf numFmtId="49" fontId="5" fillId="5" borderId="14"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3" fillId="0" borderId="47" xfId="0" applyNumberFormat="1" applyFont="1" applyBorder="1" applyAlignment="1">
      <alignment horizontal="left" vertical="center" wrapText="1"/>
    </xf>
    <xf numFmtId="49" fontId="3" fillId="0" borderId="42" xfId="0" applyNumberFormat="1" applyFont="1" applyBorder="1" applyAlignment="1">
      <alignment horizontal="left" vertical="center" wrapText="1"/>
    </xf>
    <xf numFmtId="0" fontId="2" fillId="0" borderId="0" xfId="0" applyFont="1" applyBorder="1" applyAlignment="1">
      <alignment horizontal="left" vertical="center" wrapText="1"/>
    </xf>
    <xf numFmtId="0" fontId="5" fillId="3" borderId="39" xfId="0"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3" borderId="40" xfId="0" applyFont="1" applyFill="1" applyBorder="1" applyAlignment="1">
      <alignment horizontal="left" vertical="center" wrapText="1"/>
    </xf>
    <xf numFmtId="0" fontId="4" fillId="7" borderId="0" xfId="0" applyNumberFormat="1" applyFont="1" applyFill="1" applyAlignment="1">
      <alignment horizontal="left" vertical="top" wrapText="1"/>
    </xf>
    <xf numFmtId="0" fontId="2" fillId="0" borderId="0" xfId="0" applyFont="1" applyAlignment="1">
      <alignment horizontal="left" vertical="center" wrapText="1"/>
    </xf>
    <xf numFmtId="0" fontId="5" fillId="3" borderId="51" xfId="0" applyFont="1" applyFill="1" applyBorder="1" applyAlignment="1">
      <alignment horizontal="left" vertical="center" wrapText="1"/>
    </xf>
    <xf numFmtId="0" fontId="5" fillId="3" borderId="52" xfId="0" applyFont="1" applyFill="1" applyBorder="1" applyAlignment="1">
      <alignment horizontal="left" vertical="center" wrapText="1"/>
    </xf>
    <xf numFmtId="0" fontId="5" fillId="3" borderId="53"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3" fillId="4" borderId="0" xfId="0" applyFont="1" applyFill="1" applyAlignment="1">
      <alignment horizontal="center" vertical="center" wrapText="1"/>
    </xf>
    <xf numFmtId="49" fontId="3" fillId="0" borderId="32" xfId="0" applyNumberFormat="1" applyFont="1" applyBorder="1" applyAlignment="1">
      <alignment horizontal="left" vertical="center" wrapText="1"/>
    </xf>
    <xf numFmtId="49" fontId="3" fillId="0" borderId="6" xfId="0" applyNumberFormat="1" applyFont="1" applyBorder="1" applyAlignment="1">
      <alignment horizontal="left" vertical="center"/>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0" borderId="6"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Alignment="1">
      <alignment horizontal="left" vertical="top" wrapText="1"/>
    </xf>
    <xf numFmtId="16" fontId="4" fillId="0" borderId="0" xfId="0" applyNumberFormat="1" applyFont="1" applyFill="1" applyAlignment="1">
      <alignment horizontal="left" vertical="center" wrapText="1"/>
    </xf>
    <xf numFmtId="0" fontId="4" fillId="7" borderId="0" xfId="0" applyFont="1" applyFill="1" applyAlignment="1">
      <alignment horizontal="left" vertical="center" wrapText="1"/>
    </xf>
    <xf numFmtId="0" fontId="2" fillId="0" borderId="38" xfId="0" applyFont="1" applyBorder="1" applyAlignment="1">
      <alignment horizontal="left" vertical="center"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0" borderId="21" xfId="0" applyNumberFormat="1" applyFont="1" applyFill="1" applyBorder="1" applyAlignment="1">
      <alignment horizontal="center" vertical="center" wrapText="1"/>
    </xf>
    <xf numFmtId="49" fontId="2" fillId="0" borderId="43" xfId="0" applyNumberFormat="1" applyFont="1" applyFill="1" applyBorder="1" applyAlignment="1">
      <alignment horizontal="center" vertical="center" wrapText="1"/>
    </xf>
    <xf numFmtId="49" fontId="2" fillId="0" borderId="36" xfId="0" applyNumberFormat="1" applyFont="1" applyFill="1" applyBorder="1" applyAlignment="1">
      <alignment horizontal="center" vertical="center" wrapText="1"/>
    </xf>
    <xf numFmtId="0" fontId="2" fillId="0" borderId="5" xfId="0" applyFont="1" applyFill="1" applyBorder="1" applyAlignment="1">
      <alignment horizontal="lef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2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5</xdr:row>
          <xdr:rowOff>9525</xdr:rowOff>
        </xdr:from>
        <xdr:to>
          <xdr:col>0</xdr:col>
          <xdr:colOff>885825</xdr:colOff>
          <xdr:row>45</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6</xdr:row>
          <xdr:rowOff>0</xdr:rowOff>
        </xdr:from>
        <xdr:to>
          <xdr:col>0</xdr:col>
          <xdr:colOff>885825</xdr:colOff>
          <xdr:row>4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66"/>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204"/>
  <sheetViews>
    <sheetView showGridLines="0" tabSelected="1" zoomScale="80" zoomScaleNormal="80" workbookViewId="0">
      <selection activeCell="F161" sqref="F161"/>
    </sheetView>
  </sheetViews>
  <sheetFormatPr defaultRowHeight="12.75" x14ac:dyDescent="0.2"/>
  <cols>
    <col min="1" max="1" width="14.28515625" style="1"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52" t="s">
        <v>39</v>
      </c>
      <c r="B1" s="152"/>
      <c r="C1" s="152"/>
      <c r="D1" s="152"/>
      <c r="E1" s="152"/>
    </row>
    <row r="2" spans="1:5" ht="27.75" customHeight="1" x14ac:dyDescent="0.2">
      <c r="A2" s="153" t="s">
        <v>38</v>
      </c>
      <c r="B2" s="153"/>
      <c r="C2" s="153"/>
      <c r="D2" s="153"/>
      <c r="E2" s="153"/>
    </row>
    <row r="3" spans="1:5" ht="54.75" customHeight="1" x14ac:dyDescent="0.2">
      <c r="A3" s="154" t="s">
        <v>43</v>
      </c>
      <c r="B3" s="154"/>
      <c r="C3" s="154"/>
      <c r="D3" s="154"/>
      <c r="E3" s="154"/>
    </row>
    <row r="4" spans="1:5" ht="24.95" customHeight="1" x14ac:dyDescent="0.2">
      <c r="A4" s="37" t="s">
        <v>42</v>
      </c>
      <c r="B4" s="38"/>
      <c r="C4" s="32"/>
      <c r="D4" s="32"/>
    </row>
    <row r="5" spans="1:5" ht="24.95" customHeight="1" x14ac:dyDescent="0.2">
      <c r="A5" s="37" t="s">
        <v>40</v>
      </c>
      <c r="B5" s="39"/>
      <c r="C5" s="32"/>
      <c r="D5" s="32"/>
    </row>
    <row r="6" spans="1:5" ht="5.0999999999999996" customHeight="1" x14ac:dyDescent="0.2">
      <c r="A6" s="32"/>
      <c r="B6" s="32"/>
      <c r="C6" s="32"/>
      <c r="D6" s="32"/>
    </row>
    <row r="7" spans="1:5" s="2" customFormat="1" ht="20.100000000000001" customHeight="1" x14ac:dyDescent="0.25">
      <c r="A7" s="137" t="s">
        <v>4</v>
      </c>
      <c r="B7" s="137"/>
      <c r="C7" s="137"/>
      <c r="D7" s="137"/>
      <c r="E7" s="137"/>
    </row>
    <row r="8" spans="1:5" s="2" customFormat="1" ht="20.100000000000001" customHeight="1" x14ac:dyDescent="0.25">
      <c r="A8" s="156" t="s">
        <v>7</v>
      </c>
      <c r="B8" s="156"/>
      <c r="C8" s="156"/>
      <c r="D8" s="156"/>
    </row>
    <row r="9" spans="1:5" ht="24.95" customHeight="1" x14ac:dyDescent="0.2">
      <c r="A9" s="157" t="s">
        <v>175</v>
      </c>
      <c r="B9" s="157"/>
      <c r="C9" s="157"/>
      <c r="D9" s="157"/>
    </row>
    <row r="10" spans="1:5" ht="4.5" customHeight="1" x14ac:dyDescent="0.2">
      <c r="A10" s="34"/>
      <c r="B10" s="34"/>
      <c r="C10" s="34"/>
      <c r="D10" s="34"/>
    </row>
    <row r="11" spans="1:5" s="2" customFormat="1" ht="20.100000000000001" customHeight="1" x14ac:dyDescent="0.25">
      <c r="A11" s="158" t="s">
        <v>8</v>
      </c>
      <c r="B11" s="158"/>
      <c r="C11" s="158"/>
      <c r="D11" s="158"/>
    </row>
    <row r="12" spans="1:5" s="2" customFormat="1" ht="20.100000000000001" customHeight="1" x14ac:dyDescent="0.25">
      <c r="A12" s="160" t="s">
        <v>92</v>
      </c>
      <c r="B12" s="160"/>
      <c r="C12" s="94"/>
      <c r="D12" s="93"/>
    </row>
    <row r="13" spans="1:5" s="2" customFormat="1" ht="20.100000000000001" customHeight="1" x14ac:dyDescent="0.25">
      <c r="A13" s="161" t="s">
        <v>91</v>
      </c>
      <c r="B13" s="161"/>
      <c r="C13" s="161"/>
      <c r="D13" s="100"/>
    </row>
    <row r="14" spans="1:5" s="3" customFormat="1" ht="20.100000000000001" customHeight="1" x14ac:dyDescent="0.25">
      <c r="A14" s="155" t="s">
        <v>83</v>
      </c>
      <c r="B14" s="155"/>
      <c r="C14" s="155"/>
      <c r="D14" s="16"/>
    </row>
    <row r="15" spans="1:5" ht="4.5" customHeight="1" x14ac:dyDescent="0.2">
      <c r="A15" s="42"/>
      <c r="B15" s="42"/>
      <c r="C15" s="42"/>
      <c r="D15" s="34"/>
    </row>
    <row r="16" spans="1:5" ht="20.100000000000001" customHeight="1" x14ac:dyDescent="0.2">
      <c r="A16" s="33" t="s">
        <v>9</v>
      </c>
      <c r="B16" s="17"/>
      <c r="C16" s="17"/>
      <c r="D16" s="18"/>
    </row>
    <row r="17" spans="1:5" s="3" customFormat="1" ht="24.95" customHeight="1" x14ac:dyDescent="0.25">
      <c r="A17" s="159" t="s">
        <v>48</v>
      </c>
      <c r="B17" s="159"/>
      <c r="C17" s="159"/>
      <c r="D17" s="16"/>
    </row>
    <row r="18" spans="1:5" ht="5.0999999999999996" customHeight="1" x14ac:dyDescent="0.2">
      <c r="A18" s="134"/>
      <c r="B18" s="134"/>
      <c r="C18" s="134"/>
    </row>
    <row r="19" spans="1:5" s="2" customFormat="1" ht="20.100000000000001" customHeight="1" x14ac:dyDescent="0.25">
      <c r="A19" s="137" t="s">
        <v>16</v>
      </c>
      <c r="B19" s="137"/>
      <c r="C19" s="137"/>
      <c r="D19" s="137"/>
      <c r="E19" s="137"/>
    </row>
    <row r="20" spans="1:5" ht="42.75" customHeight="1" x14ac:dyDescent="0.2">
      <c r="A20" s="128" t="s">
        <v>207</v>
      </c>
      <c r="B20" s="128"/>
      <c r="C20" s="128"/>
      <c r="D20" s="128"/>
      <c r="E20" s="128"/>
    </row>
    <row r="21" spans="1:5" ht="5.0999999999999996" customHeight="1" x14ac:dyDescent="0.2">
      <c r="A21" s="134"/>
      <c r="B21" s="134"/>
      <c r="C21" s="134"/>
    </row>
    <row r="22" spans="1:5" s="2" customFormat="1" ht="20.100000000000001" customHeight="1" x14ac:dyDescent="0.25">
      <c r="A22" s="137" t="s">
        <v>17</v>
      </c>
      <c r="B22" s="137"/>
      <c r="C22" s="137"/>
      <c r="D22" s="137"/>
      <c r="E22" s="137"/>
    </row>
    <row r="23" spans="1:5" s="9" customFormat="1" ht="20.100000000000001" customHeight="1" x14ac:dyDescent="0.25">
      <c r="A23" s="133" t="s">
        <v>5</v>
      </c>
      <c r="B23" s="133"/>
      <c r="C23" s="133"/>
      <c r="D23" s="133"/>
    </row>
    <row r="24" spans="1:5" s="9" customFormat="1" ht="20.100000000000001" customHeight="1" x14ac:dyDescent="0.25">
      <c r="A24" s="135" t="s">
        <v>13</v>
      </c>
      <c r="B24" s="136"/>
      <c r="C24" s="14"/>
      <c r="D24" s="14"/>
    </row>
    <row r="25" spans="1:5" s="9" customFormat="1" ht="20.100000000000001" customHeight="1" x14ac:dyDescent="0.25">
      <c r="A25" s="13"/>
      <c r="B25" s="13" t="s">
        <v>139</v>
      </c>
      <c r="C25" s="14"/>
      <c r="D25" s="14"/>
    </row>
    <row r="26" spans="1:5" s="9" customFormat="1" ht="20.100000000000001" customHeight="1" x14ac:dyDescent="0.25">
      <c r="A26" s="13"/>
      <c r="B26" s="13" t="s">
        <v>15</v>
      </c>
      <c r="C26" s="14"/>
      <c r="D26" s="14"/>
    </row>
    <row r="27" spans="1:5" s="9" customFormat="1" ht="20.100000000000001" customHeight="1" x14ac:dyDescent="0.25">
      <c r="A27" s="135" t="s">
        <v>81</v>
      </c>
      <c r="B27" s="136"/>
      <c r="C27" s="14"/>
      <c r="D27" s="14"/>
    </row>
    <row r="28" spans="1:5" s="2" customFormat="1" ht="33.75" customHeight="1" x14ac:dyDescent="0.25">
      <c r="A28" s="129" t="s">
        <v>140</v>
      </c>
      <c r="B28" s="129"/>
      <c r="C28" s="129"/>
      <c r="D28" s="129"/>
      <c r="E28" s="129"/>
    </row>
    <row r="29" spans="1:5" s="68" customFormat="1" ht="31.5" customHeight="1" x14ac:dyDescent="0.25">
      <c r="A29" s="74" t="s">
        <v>87</v>
      </c>
      <c r="B29" s="76" t="s">
        <v>88</v>
      </c>
      <c r="C29" s="77"/>
      <c r="D29" s="75" t="s">
        <v>89</v>
      </c>
      <c r="E29" s="75" t="s">
        <v>181</v>
      </c>
    </row>
    <row r="30" spans="1:5" s="68" customFormat="1" ht="27" customHeight="1" x14ac:dyDescent="0.25">
      <c r="A30" s="130" t="s">
        <v>176</v>
      </c>
      <c r="B30" s="131"/>
      <c r="C30" s="131"/>
      <c r="D30" s="131"/>
      <c r="E30" s="132"/>
    </row>
    <row r="31" spans="1:5" s="72" customFormat="1" ht="27" customHeight="1" x14ac:dyDescent="0.25">
      <c r="A31" s="79" t="s">
        <v>90</v>
      </c>
      <c r="B31" s="124" t="s">
        <v>182</v>
      </c>
      <c r="C31" s="124"/>
      <c r="D31" s="82" t="s">
        <v>1</v>
      </c>
      <c r="E31" s="83">
        <v>75</v>
      </c>
    </row>
    <row r="32" spans="1:5" s="2" customFormat="1" ht="10.5" customHeight="1" x14ac:dyDescent="0.25">
      <c r="A32" s="79"/>
      <c r="B32" s="84"/>
      <c r="C32" s="84"/>
      <c r="D32" s="84"/>
      <c r="E32" s="85"/>
    </row>
    <row r="33" spans="1:5" s="68" customFormat="1" ht="27" customHeight="1" x14ac:dyDescent="0.25">
      <c r="A33" s="125" t="s">
        <v>177</v>
      </c>
      <c r="B33" s="126"/>
      <c r="C33" s="126"/>
      <c r="D33" s="126"/>
      <c r="E33" s="127"/>
    </row>
    <row r="34" spans="1:5" s="72" customFormat="1" ht="27" customHeight="1" x14ac:dyDescent="0.25">
      <c r="A34" s="79" t="s">
        <v>90</v>
      </c>
      <c r="B34" s="124" t="s">
        <v>183</v>
      </c>
      <c r="C34" s="124"/>
      <c r="D34" s="73" t="s">
        <v>1</v>
      </c>
      <c r="E34" s="83">
        <v>75</v>
      </c>
    </row>
    <row r="35" spans="1:5" s="2" customFormat="1" ht="10.5" customHeight="1" x14ac:dyDescent="0.25">
      <c r="A35" s="79"/>
      <c r="B35" s="84"/>
      <c r="C35" s="84"/>
      <c r="D35" s="84"/>
      <c r="E35" s="85"/>
    </row>
    <row r="36" spans="1:5" s="68" customFormat="1" ht="27" customHeight="1" x14ac:dyDescent="0.25">
      <c r="A36" s="125" t="s">
        <v>178</v>
      </c>
      <c r="B36" s="126"/>
      <c r="C36" s="126"/>
      <c r="D36" s="126"/>
      <c r="E36" s="127"/>
    </row>
    <row r="37" spans="1:5" s="72" customFormat="1" ht="27" customHeight="1" x14ac:dyDescent="0.25">
      <c r="A37" s="79" t="s">
        <v>90</v>
      </c>
      <c r="B37" s="124" t="s">
        <v>184</v>
      </c>
      <c r="C37" s="124"/>
      <c r="D37" s="82" t="s">
        <v>1</v>
      </c>
      <c r="E37" s="83">
        <v>34</v>
      </c>
    </row>
    <row r="38" spans="1:5" s="2" customFormat="1" ht="10.5" customHeight="1" x14ac:dyDescent="0.25">
      <c r="A38" s="79"/>
      <c r="B38" s="84"/>
      <c r="C38" s="84"/>
      <c r="D38" s="84"/>
      <c r="E38" s="85"/>
    </row>
    <row r="39" spans="1:5" s="101" customFormat="1" ht="27" customHeight="1" x14ac:dyDescent="0.25">
      <c r="A39" s="125" t="s">
        <v>179</v>
      </c>
      <c r="B39" s="126"/>
      <c r="C39" s="126"/>
      <c r="D39" s="126"/>
      <c r="E39" s="127"/>
    </row>
    <row r="40" spans="1:5" s="101" customFormat="1" ht="27" customHeight="1" x14ac:dyDescent="0.25">
      <c r="A40" s="79" t="s">
        <v>90</v>
      </c>
      <c r="B40" s="124" t="s">
        <v>185</v>
      </c>
      <c r="C40" s="124"/>
      <c r="D40" s="82" t="s">
        <v>1</v>
      </c>
      <c r="E40" s="83">
        <v>75</v>
      </c>
    </row>
    <row r="41" spans="1:5" s="2" customFormat="1" ht="10.5" customHeight="1" x14ac:dyDescent="0.25">
      <c r="A41" s="79"/>
      <c r="B41" s="84"/>
      <c r="C41" s="84"/>
      <c r="D41" s="84"/>
      <c r="E41" s="85"/>
    </row>
    <row r="42" spans="1:5" s="68" customFormat="1" ht="27" customHeight="1" x14ac:dyDescent="0.25">
      <c r="A42" s="125" t="s">
        <v>180</v>
      </c>
      <c r="B42" s="126"/>
      <c r="C42" s="126"/>
      <c r="D42" s="126"/>
      <c r="E42" s="127"/>
    </row>
    <row r="43" spans="1:5" s="2" customFormat="1" ht="27" customHeight="1" x14ac:dyDescent="0.25">
      <c r="A43" s="80" t="s">
        <v>90</v>
      </c>
      <c r="B43" s="162" t="s">
        <v>186</v>
      </c>
      <c r="C43" s="162"/>
      <c r="D43" s="78" t="s">
        <v>1</v>
      </c>
      <c r="E43" s="81">
        <v>37</v>
      </c>
    </row>
    <row r="44" spans="1:5" s="9" customFormat="1" ht="27" customHeight="1" x14ac:dyDescent="0.25">
      <c r="A44" s="67"/>
      <c r="B44" s="67"/>
      <c r="C44" s="67"/>
      <c r="D44" s="67"/>
    </row>
    <row r="45" spans="1:5" s="9" customFormat="1" ht="10.5" customHeight="1" x14ac:dyDescent="0.25">
      <c r="A45" s="135" t="s">
        <v>14</v>
      </c>
      <c r="B45" s="135"/>
      <c r="C45" s="67"/>
      <c r="D45" s="67"/>
    </row>
    <row r="46" spans="1:5" s="9" customFormat="1" ht="27" customHeight="1" x14ac:dyDescent="0.2">
      <c r="A46" s="10"/>
      <c r="B46" s="9" t="s">
        <v>2</v>
      </c>
      <c r="C46" s="67"/>
      <c r="D46" s="67"/>
    </row>
    <row r="47" spans="1:5" s="9" customFormat="1" ht="27" customHeight="1" x14ac:dyDescent="0.25">
      <c r="A47" s="13"/>
      <c r="B47" s="2" t="s">
        <v>3</v>
      </c>
      <c r="C47" s="67"/>
      <c r="D47" s="67"/>
    </row>
    <row r="48" spans="1:5" ht="10.5" customHeight="1" x14ac:dyDescent="0.2"/>
    <row r="49" spans="1:5" s="2" customFormat="1" ht="20.100000000000001" customHeight="1" x14ac:dyDescent="0.25">
      <c r="A49" s="137" t="s">
        <v>18</v>
      </c>
      <c r="B49" s="137"/>
      <c r="C49" s="137"/>
      <c r="D49" s="137"/>
      <c r="E49" s="137"/>
    </row>
    <row r="50" spans="1:5" s="2" customFormat="1" ht="5.0999999999999996" customHeight="1" thickBot="1" x14ac:dyDescent="0.3">
      <c r="A50" s="15"/>
      <c r="C50" s="6"/>
      <c r="D50" s="6"/>
    </row>
    <row r="51" spans="1:5" s="3" customFormat="1" ht="93" customHeight="1" x14ac:dyDescent="0.25">
      <c r="A51" s="140" t="s">
        <v>0</v>
      </c>
      <c r="B51" s="141"/>
      <c r="C51" s="163" t="s">
        <v>19</v>
      </c>
      <c r="D51" s="164"/>
      <c r="E51" s="19"/>
    </row>
    <row r="52" spans="1:5" s="3" customFormat="1" ht="35.25" customHeight="1" thickBot="1" x14ac:dyDescent="0.3">
      <c r="A52" s="142"/>
      <c r="B52" s="143"/>
      <c r="C52" s="20" t="s">
        <v>20</v>
      </c>
      <c r="D52" s="55" t="s">
        <v>21</v>
      </c>
    </row>
    <row r="53" spans="1:5" s="21" customFormat="1" ht="30.75" customHeight="1" x14ac:dyDescent="0.25">
      <c r="A53" s="119" t="s">
        <v>176</v>
      </c>
      <c r="B53" s="120"/>
      <c r="C53" s="120"/>
      <c r="D53" s="121"/>
    </row>
    <row r="54" spans="1:5" s="4" customFormat="1" ht="29.25" customHeight="1" x14ac:dyDescent="0.25">
      <c r="A54" s="138" t="s">
        <v>191</v>
      </c>
      <c r="B54" s="139"/>
      <c r="C54" s="45"/>
      <c r="D54" s="59" t="s">
        <v>65</v>
      </c>
    </row>
    <row r="55" spans="1:5" s="4" customFormat="1" ht="42.75" customHeight="1" x14ac:dyDescent="0.25">
      <c r="A55" s="96" t="s">
        <v>93</v>
      </c>
      <c r="B55" s="95" t="s">
        <v>128</v>
      </c>
      <c r="C55" s="45"/>
      <c r="D55" s="59"/>
    </row>
    <row r="56" spans="1:5" s="4" customFormat="1" ht="29.25" customHeight="1" x14ac:dyDescent="0.25">
      <c r="A56" s="41" t="s">
        <v>49</v>
      </c>
      <c r="B56" s="56" t="s">
        <v>94</v>
      </c>
      <c r="C56" s="45"/>
      <c r="D56" s="49"/>
    </row>
    <row r="57" spans="1:5" s="4" customFormat="1" ht="29.25" customHeight="1" x14ac:dyDescent="0.25">
      <c r="A57" s="96" t="s">
        <v>77</v>
      </c>
      <c r="B57" s="56" t="s">
        <v>95</v>
      </c>
      <c r="C57" s="45"/>
      <c r="D57" s="49"/>
    </row>
    <row r="58" spans="1:5" s="4" customFormat="1" ht="29.25" customHeight="1" x14ac:dyDescent="0.25">
      <c r="A58" s="41" t="s">
        <v>78</v>
      </c>
      <c r="B58" s="56" t="s">
        <v>192</v>
      </c>
      <c r="C58" s="45"/>
      <c r="D58" s="49"/>
    </row>
    <row r="59" spans="1:5" s="4" customFormat="1" ht="29.25" customHeight="1" x14ac:dyDescent="0.25">
      <c r="A59" s="96" t="s">
        <v>79</v>
      </c>
      <c r="B59" s="56" t="s">
        <v>96</v>
      </c>
      <c r="C59" s="45"/>
      <c r="D59" s="49"/>
    </row>
    <row r="60" spans="1:5" s="4" customFormat="1" ht="29.25" customHeight="1" x14ac:dyDescent="0.25">
      <c r="A60" s="41" t="s">
        <v>80</v>
      </c>
      <c r="B60" s="56" t="s">
        <v>97</v>
      </c>
      <c r="C60" s="46"/>
      <c r="D60" s="50"/>
    </row>
    <row r="61" spans="1:5" s="4" customFormat="1" ht="29.25" customHeight="1" x14ac:dyDescent="0.25">
      <c r="A61" s="96" t="s">
        <v>76</v>
      </c>
      <c r="B61" s="56" t="s">
        <v>98</v>
      </c>
      <c r="C61" s="46"/>
      <c r="D61" s="49"/>
    </row>
    <row r="62" spans="1:5" s="4" customFormat="1" ht="29.25" customHeight="1" x14ac:dyDescent="0.25">
      <c r="A62" s="41" t="s">
        <v>133</v>
      </c>
      <c r="B62" s="56" t="s">
        <v>99</v>
      </c>
      <c r="C62" s="58"/>
      <c r="D62" s="49"/>
    </row>
    <row r="63" spans="1:5" s="4" customFormat="1" ht="29.25" customHeight="1" thickBot="1" x14ac:dyDescent="0.3">
      <c r="A63" s="97" t="s">
        <v>134</v>
      </c>
      <c r="B63" s="56" t="s">
        <v>100</v>
      </c>
      <c r="C63" s="58"/>
      <c r="D63" s="49"/>
    </row>
    <row r="64" spans="1:5" s="21" customFormat="1" ht="30.75" customHeight="1" x14ac:dyDescent="0.25">
      <c r="A64" s="119" t="s">
        <v>209</v>
      </c>
      <c r="B64" s="120"/>
      <c r="C64" s="120"/>
      <c r="D64" s="121"/>
    </row>
    <row r="65" spans="1:4" s="4" customFormat="1" ht="34.5" customHeight="1" x14ac:dyDescent="0.25">
      <c r="A65" s="122" t="s">
        <v>187</v>
      </c>
      <c r="B65" s="123"/>
      <c r="C65" s="58"/>
      <c r="D65" s="70" t="s">
        <v>65</v>
      </c>
    </row>
    <row r="66" spans="1:4" s="4" customFormat="1" ht="28.5" customHeight="1" x14ac:dyDescent="0.25">
      <c r="A66" s="41" t="s">
        <v>11</v>
      </c>
      <c r="B66" s="95" t="s">
        <v>129</v>
      </c>
      <c r="C66" s="58"/>
      <c r="D66" s="70"/>
    </row>
    <row r="67" spans="1:4" s="4" customFormat="1" ht="29.25" customHeight="1" x14ac:dyDescent="0.25">
      <c r="A67" s="41" t="s">
        <v>49</v>
      </c>
      <c r="B67" s="98" t="s">
        <v>101</v>
      </c>
      <c r="C67" s="58"/>
      <c r="D67" s="69"/>
    </row>
    <row r="68" spans="1:4" s="4" customFormat="1" ht="28.5" customHeight="1" x14ac:dyDescent="0.25">
      <c r="A68" s="41" t="s">
        <v>77</v>
      </c>
      <c r="B68" s="43" t="s">
        <v>102</v>
      </c>
      <c r="C68" s="45"/>
      <c r="D68" s="49"/>
    </row>
    <row r="69" spans="1:4" s="4" customFormat="1" ht="28.5" customHeight="1" x14ac:dyDescent="0.25">
      <c r="A69" s="41" t="s">
        <v>78</v>
      </c>
      <c r="B69" s="43" t="s">
        <v>193</v>
      </c>
      <c r="C69" s="45"/>
      <c r="D69" s="49"/>
    </row>
    <row r="70" spans="1:4" s="4" customFormat="1" ht="28.5" customHeight="1" x14ac:dyDescent="0.25">
      <c r="A70" s="41" t="s">
        <v>79</v>
      </c>
      <c r="B70" s="43" t="s">
        <v>103</v>
      </c>
      <c r="C70" s="45"/>
      <c r="D70" s="49"/>
    </row>
    <row r="71" spans="1:4" s="4" customFormat="1" ht="29.25" customHeight="1" x14ac:dyDescent="0.25">
      <c r="A71" s="41" t="s">
        <v>80</v>
      </c>
      <c r="B71" s="43" t="s">
        <v>104</v>
      </c>
      <c r="C71" s="45"/>
      <c r="D71" s="49"/>
    </row>
    <row r="72" spans="1:4" s="4" customFormat="1" ht="28.5" customHeight="1" x14ac:dyDescent="0.25">
      <c r="A72" s="41" t="s">
        <v>76</v>
      </c>
      <c r="B72" s="43" t="s">
        <v>132</v>
      </c>
      <c r="C72" s="45"/>
      <c r="D72" s="49"/>
    </row>
    <row r="73" spans="1:4" s="4" customFormat="1" ht="31.5" customHeight="1" x14ac:dyDescent="0.25">
      <c r="A73" s="41" t="s">
        <v>133</v>
      </c>
      <c r="B73" s="43" t="s">
        <v>135</v>
      </c>
      <c r="C73" s="45"/>
      <c r="D73" s="49"/>
    </row>
    <row r="74" spans="1:4" s="4" customFormat="1" ht="29.25" customHeight="1" x14ac:dyDescent="0.25">
      <c r="A74" s="41" t="s">
        <v>195</v>
      </c>
      <c r="B74" s="56" t="s">
        <v>99</v>
      </c>
      <c r="C74" s="45"/>
      <c r="D74" s="49"/>
    </row>
    <row r="75" spans="1:4" s="4" customFormat="1" ht="29.25" customHeight="1" thickBot="1" x14ac:dyDescent="0.3">
      <c r="A75" s="97" t="s">
        <v>196</v>
      </c>
      <c r="B75" s="56" t="s">
        <v>100</v>
      </c>
      <c r="C75" s="45"/>
      <c r="D75" s="49"/>
    </row>
    <row r="76" spans="1:4" s="4" customFormat="1" ht="29.25" customHeight="1" x14ac:dyDescent="0.25">
      <c r="A76" s="119" t="s">
        <v>210</v>
      </c>
      <c r="B76" s="120"/>
      <c r="C76" s="120"/>
      <c r="D76" s="121"/>
    </row>
    <row r="77" spans="1:4" s="4" customFormat="1" ht="29.25" customHeight="1" x14ac:dyDescent="0.25">
      <c r="A77" s="138" t="s">
        <v>188</v>
      </c>
      <c r="B77" s="144"/>
      <c r="C77" s="45"/>
      <c r="D77" s="59" t="s">
        <v>65</v>
      </c>
    </row>
    <row r="78" spans="1:4" s="4" customFormat="1" ht="29.25" customHeight="1" x14ac:dyDescent="0.25">
      <c r="A78" s="41" t="s">
        <v>11</v>
      </c>
      <c r="B78" s="95" t="s">
        <v>136</v>
      </c>
      <c r="C78" s="45"/>
      <c r="D78" s="59"/>
    </row>
    <row r="79" spans="1:4" s="4" customFormat="1" ht="29.25" customHeight="1" x14ac:dyDescent="0.25">
      <c r="A79" s="41" t="s">
        <v>49</v>
      </c>
      <c r="B79" s="40" t="s">
        <v>130</v>
      </c>
      <c r="C79" s="45"/>
      <c r="D79" s="49"/>
    </row>
    <row r="80" spans="1:4" s="4" customFormat="1" ht="29.25" customHeight="1" x14ac:dyDescent="0.25">
      <c r="A80" s="41" t="s">
        <v>77</v>
      </c>
      <c r="B80" s="40" t="s">
        <v>102</v>
      </c>
      <c r="C80" s="45"/>
      <c r="D80" s="49"/>
    </row>
    <row r="81" spans="1:4" s="4" customFormat="1" ht="29.25" customHeight="1" x14ac:dyDescent="0.25">
      <c r="A81" s="41" t="s">
        <v>78</v>
      </c>
      <c r="B81" s="40" t="s">
        <v>194</v>
      </c>
      <c r="C81" s="57"/>
      <c r="D81" s="49"/>
    </row>
    <row r="82" spans="1:4" s="4" customFormat="1" ht="29.25" customHeight="1" x14ac:dyDescent="0.25">
      <c r="A82" s="41" t="s">
        <v>79</v>
      </c>
      <c r="B82" s="40" t="s">
        <v>103</v>
      </c>
      <c r="C82" s="57"/>
      <c r="D82" s="49"/>
    </row>
    <row r="83" spans="1:4" s="4" customFormat="1" ht="29.25" customHeight="1" thickBot="1" x14ac:dyDescent="0.3">
      <c r="A83" s="41" t="s">
        <v>80</v>
      </c>
      <c r="B83" s="40" t="s">
        <v>105</v>
      </c>
      <c r="C83" s="60"/>
      <c r="D83" s="49"/>
    </row>
    <row r="84" spans="1:4" s="4" customFormat="1" ht="30" customHeight="1" x14ac:dyDescent="0.25">
      <c r="A84" s="41" t="s">
        <v>76</v>
      </c>
      <c r="B84" s="43" t="s">
        <v>132</v>
      </c>
      <c r="C84" s="45"/>
      <c r="D84" s="49"/>
    </row>
    <row r="85" spans="1:4" s="4" customFormat="1" ht="30" customHeight="1" x14ac:dyDescent="0.25">
      <c r="A85" s="41" t="s">
        <v>133</v>
      </c>
      <c r="B85" s="43" t="s">
        <v>135</v>
      </c>
      <c r="C85" s="45"/>
      <c r="D85" s="49"/>
    </row>
    <row r="86" spans="1:4" s="4" customFormat="1" ht="30" customHeight="1" x14ac:dyDescent="0.25">
      <c r="A86" s="41" t="s">
        <v>195</v>
      </c>
      <c r="B86" s="56" t="s">
        <v>99</v>
      </c>
      <c r="C86" s="45"/>
      <c r="D86" s="49"/>
    </row>
    <row r="87" spans="1:4" s="4" customFormat="1" ht="30" customHeight="1" thickBot="1" x14ac:dyDescent="0.3">
      <c r="A87" s="97" t="s">
        <v>196</v>
      </c>
      <c r="B87" s="56" t="s">
        <v>100</v>
      </c>
      <c r="C87" s="45"/>
      <c r="D87" s="49"/>
    </row>
    <row r="88" spans="1:4" s="4" customFormat="1" ht="29.25" customHeight="1" x14ac:dyDescent="0.25">
      <c r="A88" s="119" t="s">
        <v>211</v>
      </c>
      <c r="B88" s="120"/>
      <c r="C88" s="120"/>
      <c r="D88" s="121"/>
    </row>
    <row r="89" spans="1:4" s="4" customFormat="1" ht="29.25" customHeight="1" x14ac:dyDescent="0.25">
      <c r="A89" s="122" t="s">
        <v>189</v>
      </c>
      <c r="B89" s="123"/>
      <c r="C89" s="58"/>
      <c r="D89" s="70" t="s">
        <v>65</v>
      </c>
    </row>
    <row r="90" spans="1:4" s="4" customFormat="1" ht="28.5" customHeight="1" x14ac:dyDescent="0.25">
      <c r="A90" s="47" t="s">
        <v>11</v>
      </c>
      <c r="B90" s="40" t="s">
        <v>131</v>
      </c>
      <c r="C90" s="45"/>
      <c r="D90" s="49"/>
    </row>
    <row r="91" spans="1:4" s="4" customFormat="1" ht="29.25" customHeight="1" x14ac:dyDescent="0.25">
      <c r="A91" s="47" t="s">
        <v>106</v>
      </c>
      <c r="B91" s="40" t="s">
        <v>109</v>
      </c>
      <c r="C91" s="45"/>
      <c r="D91" s="49"/>
    </row>
    <row r="92" spans="1:4" s="4" customFormat="1" ht="29.25" customHeight="1" x14ac:dyDescent="0.25">
      <c r="A92" s="47" t="s">
        <v>77</v>
      </c>
      <c r="B92" s="40" t="s">
        <v>107</v>
      </c>
      <c r="C92" s="45"/>
      <c r="D92" s="49"/>
    </row>
    <row r="93" spans="1:4" s="4" customFormat="1" ht="29.25" customHeight="1" x14ac:dyDescent="0.25">
      <c r="A93" s="47" t="s">
        <v>78</v>
      </c>
      <c r="B93" s="40" t="s">
        <v>197</v>
      </c>
      <c r="C93" s="45"/>
      <c r="D93" s="49"/>
    </row>
    <row r="94" spans="1:4" s="4" customFormat="1" ht="29.25" customHeight="1" x14ac:dyDescent="0.25">
      <c r="A94" s="47" t="s">
        <v>79</v>
      </c>
      <c r="B94" s="40" t="s">
        <v>110</v>
      </c>
      <c r="C94" s="45"/>
      <c r="D94" s="49"/>
    </row>
    <row r="95" spans="1:4" s="4" customFormat="1" ht="29.25" customHeight="1" x14ac:dyDescent="0.25">
      <c r="A95" s="47" t="s">
        <v>80</v>
      </c>
      <c r="B95" s="71" t="s">
        <v>104</v>
      </c>
      <c r="C95" s="45"/>
      <c r="D95" s="49"/>
    </row>
    <row r="96" spans="1:4" s="4" customFormat="1" ht="29.25" customHeight="1" x14ac:dyDescent="0.25">
      <c r="A96" s="47" t="s">
        <v>76</v>
      </c>
      <c r="B96" s="99" t="s">
        <v>108</v>
      </c>
      <c r="C96" s="45"/>
      <c r="D96" s="49"/>
    </row>
    <row r="97" spans="1:5" s="4" customFormat="1" ht="29.25" customHeight="1" x14ac:dyDescent="0.25">
      <c r="A97" s="47" t="s">
        <v>133</v>
      </c>
      <c r="B97" s="56" t="s">
        <v>99</v>
      </c>
      <c r="C97" s="45"/>
      <c r="D97" s="49"/>
    </row>
    <row r="98" spans="1:5" s="4" customFormat="1" ht="29.25" customHeight="1" thickBot="1" x14ac:dyDescent="0.3">
      <c r="A98" s="97" t="s">
        <v>134</v>
      </c>
      <c r="B98" s="56" t="s">
        <v>100</v>
      </c>
      <c r="C98" s="45"/>
      <c r="D98" s="49"/>
    </row>
    <row r="99" spans="1:5" s="4" customFormat="1" ht="29.25" customHeight="1" x14ac:dyDescent="0.25">
      <c r="A99" s="119" t="s">
        <v>208</v>
      </c>
      <c r="B99" s="120"/>
      <c r="C99" s="120"/>
      <c r="D99" s="121"/>
    </row>
    <row r="100" spans="1:5" s="4" customFormat="1" ht="29.25" customHeight="1" x14ac:dyDescent="0.25">
      <c r="A100" s="122" t="s">
        <v>190</v>
      </c>
      <c r="B100" s="123"/>
      <c r="C100" s="58"/>
      <c r="D100" s="70" t="s">
        <v>65</v>
      </c>
    </row>
    <row r="101" spans="1:5" s="4" customFormat="1" ht="29.25" customHeight="1" x14ac:dyDescent="0.25">
      <c r="A101" s="47" t="s">
        <v>11</v>
      </c>
      <c r="B101" s="40" t="s">
        <v>137</v>
      </c>
      <c r="C101" s="45"/>
      <c r="D101" s="49"/>
    </row>
    <row r="102" spans="1:5" s="4" customFormat="1" ht="29.25" customHeight="1" x14ac:dyDescent="0.25">
      <c r="A102" s="47" t="s">
        <v>106</v>
      </c>
      <c r="B102" s="40" t="s">
        <v>109</v>
      </c>
      <c r="C102" s="45"/>
      <c r="D102" s="49"/>
    </row>
    <row r="103" spans="1:5" s="4" customFormat="1" ht="29.25" customHeight="1" x14ac:dyDescent="0.25">
      <c r="A103" s="47" t="s">
        <v>77</v>
      </c>
      <c r="B103" s="40" t="s">
        <v>107</v>
      </c>
      <c r="C103" s="45"/>
      <c r="D103" s="49"/>
    </row>
    <row r="104" spans="1:5" s="4" customFormat="1" ht="29.25" customHeight="1" x14ac:dyDescent="0.25">
      <c r="A104" s="47" t="s">
        <v>78</v>
      </c>
      <c r="B104" s="40" t="s">
        <v>192</v>
      </c>
      <c r="C104" s="45"/>
      <c r="D104" s="49"/>
    </row>
    <row r="105" spans="1:5" s="4" customFormat="1" ht="29.25" customHeight="1" x14ac:dyDescent="0.25">
      <c r="A105" s="47" t="s">
        <v>79</v>
      </c>
      <c r="B105" s="40" t="s">
        <v>110</v>
      </c>
      <c r="C105" s="45"/>
      <c r="D105" s="49"/>
    </row>
    <row r="106" spans="1:5" s="4" customFormat="1" ht="29.25" customHeight="1" x14ac:dyDescent="0.25">
      <c r="A106" s="47" t="s">
        <v>80</v>
      </c>
      <c r="B106" s="71" t="s">
        <v>111</v>
      </c>
      <c r="C106" s="45"/>
      <c r="D106" s="49"/>
    </row>
    <row r="107" spans="1:5" s="4" customFormat="1" ht="29.25" customHeight="1" x14ac:dyDescent="0.25">
      <c r="A107" s="47" t="s">
        <v>76</v>
      </c>
      <c r="B107" s="99" t="s">
        <v>108</v>
      </c>
      <c r="C107" s="45"/>
      <c r="D107" s="49"/>
    </row>
    <row r="108" spans="1:5" s="4" customFormat="1" ht="29.25" customHeight="1" x14ac:dyDescent="0.25">
      <c r="A108" s="47" t="s">
        <v>133</v>
      </c>
      <c r="B108" s="56" t="s">
        <v>99</v>
      </c>
      <c r="C108" s="45"/>
      <c r="D108" s="49"/>
    </row>
    <row r="109" spans="1:5" s="4" customFormat="1" ht="29.25" customHeight="1" thickBot="1" x14ac:dyDescent="0.3">
      <c r="A109" s="104" t="s">
        <v>134</v>
      </c>
      <c r="B109" s="105" t="s">
        <v>100</v>
      </c>
      <c r="C109" s="106"/>
      <c r="D109" s="107"/>
    </row>
    <row r="110" spans="1:5" s="3" customFormat="1" ht="6.75" customHeight="1" x14ac:dyDescent="0.25">
      <c r="A110" s="5"/>
      <c r="B110" s="5"/>
      <c r="C110" s="7"/>
      <c r="D110" s="7"/>
    </row>
    <row r="111" spans="1:5" s="2" customFormat="1" ht="20.100000000000001" customHeight="1" x14ac:dyDescent="0.25">
      <c r="A111" s="137" t="s">
        <v>85</v>
      </c>
      <c r="B111" s="137"/>
      <c r="C111" s="137"/>
      <c r="D111" s="137"/>
      <c r="E111" s="137"/>
    </row>
    <row r="112" spans="1:5" s="2" customFormat="1" ht="5.0999999999999996" customHeight="1" thickBot="1" x14ac:dyDescent="0.3">
      <c r="A112" s="137"/>
      <c r="B112" s="137"/>
      <c r="C112" s="137"/>
      <c r="D112" s="137"/>
      <c r="E112" s="137"/>
    </row>
    <row r="113" spans="1:4" s="3" customFormat="1" ht="81" customHeight="1" x14ac:dyDescent="0.25">
      <c r="A113" s="140" t="s">
        <v>86</v>
      </c>
      <c r="B113" s="141"/>
      <c r="C113" s="163" t="s">
        <v>22</v>
      </c>
      <c r="D113" s="164"/>
    </row>
    <row r="114" spans="1:4" s="3" customFormat="1" ht="35.25" customHeight="1" thickBot="1" x14ac:dyDescent="0.3">
      <c r="A114" s="142"/>
      <c r="B114" s="143"/>
      <c r="C114" s="20" t="s">
        <v>6</v>
      </c>
      <c r="D114" s="55" t="s">
        <v>23</v>
      </c>
    </row>
    <row r="115" spans="1:4" s="2" customFormat="1" ht="48" customHeight="1" x14ac:dyDescent="0.25">
      <c r="A115" s="61" t="s">
        <v>11</v>
      </c>
      <c r="B115" s="115" t="s">
        <v>174</v>
      </c>
      <c r="C115" s="45"/>
      <c r="D115" s="54"/>
    </row>
    <row r="116" spans="1:4" s="2" customFormat="1" ht="56.25" customHeight="1" x14ac:dyDescent="0.25">
      <c r="A116" s="44" t="s">
        <v>49</v>
      </c>
      <c r="B116" s="108" t="s">
        <v>142</v>
      </c>
      <c r="C116" s="45"/>
      <c r="D116" s="54"/>
    </row>
    <row r="117" spans="1:4" s="2" customFormat="1" ht="29.1" customHeight="1" x14ac:dyDescent="0.25">
      <c r="A117" s="92" t="s">
        <v>50</v>
      </c>
      <c r="B117" s="109" t="s">
        <v>143</v>
      </c>
      <c r="C117" s="45"/>
      <c r="D117" s="54"/>
    </row>
    <row r="118" spans="1:4" s="2" customFormat="1" ht="29.1" customHeight="1" x14ac:dyDescent="0.25">
      <c r="A118" s="91" t="s">
        <v>71</v>
      </c>
      <c r="B118" s="110" t="s">
        <v>144</v>
      </c>
      <c r="C118" s="45"/>
      <c r="D118" s="54"/>
    </row>
    <row r="119" spans="1:4" s="2" customFormat="1" ht="29.1" customHeight="1" x14ac:dyDescent="0.25">
      <c r="A119" s="90" t="s">
        <v>72</v>
      </c>
      <c r="B119" s="111" t="s">
        <v>145</v>
      </c>
      <c r="C119" s="45"/>
      <c r="D119" s="54"/>
    </row>
    <row r="120" spans="1:4" s="2" customFormat="1" ht="29.1" customHeight="1" x14ac:dyDescent="0.25">
      <c r="A120" s="89" t="s">
        <v>73</v>
      </c>
      <c r="B120" s="111" t="s">
        <v>146</v>
      </c>
      <c r="C120" s="45"/>
      <c r="D120" s="54"/>
    </row>
    <row r="121" spans="1:4" s="2" customFormat="1" ht="45" customHeight="1" x14ac:dyDescent="0.25">
      <c r="A121" s="90" t="s">
        <v>74</v>
      </c>
      <c r="B121" s="111" t="s">
        <v>147</v>
      </c>
      <c r="C121" s="45"/>
      <c r="D121" s="54"/>
    </row>
    <row r="122" spans="1:4" s="2" customFormat="1" ht="133.5" customHeight="1" x14ac:dyDescent="0.25">
      <c r="A122" s="88" t="s">
        <v>75</v>
      </c>
      <c r="B122" s="112" t="s">
        <v>148</v>
      </c>
      <c r="C122" s="45"/>
      <c r="D122" s="54"/>
    </row>
    <row r="123" spans="1:4" s="2" customFormat="1" ht="138.75" customHeight="1" x14ac:dyDescent="0.25">
      <c r="A123" s="44" t="s">
        <v>51</v>
      </c>
      <c r="B123" s="108" t="s">
        <v>149</v>
      </c>
      <c r="C123" s="45"/>
      <c r="D123" s="54"/>
    </row>
    <row r="124" spans="1:4" s="2" customFormat="1" ht="49.5" customHeight="1" x14ac:dyDescent="0.25">
      <c r="A124" s="44" t="s">
        <v>52</v>
      </c>
      <c r="B124" s="108" t="s">
        <v>150</v>
      </c>
      <c r="C124" s="45"/>
      <c r="D124" s="54"/>
    </row>
    <row r="125" spans="1:4" s="2" customFormat="1" ht="62.25" customHeight="1" x14ac:dyDescent="0.25">
      <c r="A125" s="44" t="s">
        <v>53</v>
      </c>
      <c r="B125" s="108" t="s">
        <v>151</v>
      </c>
      <c r="C125" s="45"/>
      <c r="D125" s="54"/>
    </row>
    <row r="126" spans="1:4" s="2" customFormat="1" ht="74.25" customHeight="1" x14ac:dyDescent="0.25">
      <c r="A126" s="44" t="s">
        <v>54</v>
      </c>
      <c r="B126" s="113" t="s">
        <v>152</v>
      </c>
      <c r="C126" s="45"/>
      <c r="D126" s="54"/>
    </row>
    <row r="127" spans="1:4" s="2" customFormat="1" ht="87" customHeight="1" x14ac:dyDescent="0.25">
      <c r="A127" s="44" t="s">
        <v>55</v>
      </c>
      <c r="B127" s="114" t="s">
        <v>153</v>
      </c>
      <c r="C127" s="45"/>
      <c r="D127" s="54"/>
    </row>
    <row r="128" spans="1:4" s="2" customFormat="1" ht="29.1" customHeight="1" x14ac:dyDescent="0.25">
      <c r="A128" s="165" t="s">
        <v>56</v>
      </c>
      <c r="B128" s="109" t="s">
        <v>154</v>
      </c>
      <c r="C128" s="45"/>
      <c r="D128" s="54"/>
    </row>
    <row r="129" spans="1:4" s="2" customFormat="1" ht="29.1" customHeight="1" x14ac:dyDescent="0.25">
      <c r="A129" s="166"/>
      <c r="B129" s="111" t="s">
        <v>155</v>
      </c>
      <c r="C129" s="45"/>
      <c r="D129" s="54"/>
    </row>
    <row r="130" spans="1:4" s="2" customFormat="1" ht="59.25" customHeight="1" x14ac:dyDescent="0.25">
      <c r="A130" s="166"/>
      <c r="B130" s="111" t="s">
        <v>156</v>
      </c>
      <c r="C130" s="45"/>
      <c r="D130" s="54"/>
    </row>
    <row r="131" spans="1:4" s="2" customFormat="1" ht="29.1" customHeight="1" x14ac:dyDescent="0.25">
      <c r="A131" s="166"/>
      <c r="B131" s="111" t="s">
        <v>157</v>
      </c>
      <c r="C131" s="45"/>
      <c r="D131" s="54"/>
    </row>
    <row r="132" spans="1:4" s="2" customFormat="1" ht="29.1" customHeight="1" x14ac:dyDescent="0.25">
      <c r="A132" s="166"/>
      <c r="B132" s="111" t="s">
        <v>158</v>
      </c>
      <c r="C132" s="45"/>
      <c r="D132" s="54"/>
    </row>
    <row r="133" spans="1:4" s="2" customFormat="1" ht="62.25" customHeight="1" x14ac:dyDescent="0.25">
      <c r="A133" s="166"/>
      <c r="B133" s="111" t="s">
        <v>159</v>
      </c>
      <c r="C133" s="45"/>
      <c r="D133" s="54"/>
    </row>
    <row r="134" spans="1:4" s="2" customFormat="1" ht="59.25" customHeight="1" x14ac:dyDescent="0.25">
      <c r="A134" s="167"/>
      <c r="B134" s="112" t="s">
        <v>160</v>
      </c>
      <c r="C134" s="45"/>
      <c r="D134" s="54"/>
    </row>
    <row r="135" spans="1:4" s="2" customFormat="1" ht="111.75" customHeight="1" x14ac:dyDescent="0.25">
      <c r="A135" s="44" t="s">
        <v>57</v>
      </c>
      <c r="B135" s="108" t="s">
        <v>161</v>
      </c>
      <c r="C135" s="45"/>
      <c r="D135" s="54"/>
    </row>
    <row r="136" spans="1:4" s="2" customFormat="1" ht="258.75" customHeight="1" x14ac:dyDescent="0.25">
      <c r="A136" s="44" t="s">
        <v>58</v>
      </c>
      <c r="B136" s="108" t="s">
        <v>162</v>
      </c>
      <c r="C136" s="45"/>
      <c r="D136" s="54"/>
    </row>
    <row r="137" spans="1:4" s="2" customFormat="1" ht="130.5" customHeight="1" x14ac:dyDescent="0.25">
      <c r="A137" s="44" t="s">
        <v>59</v>
      </c>
      <c r="B137" s="114" t="s">
        <v>163</v>
      </c>
      <c r="C137" s="45"/>
      <c r="D137" s="54"/>
    </row>
    <row r="138" spans="1:4" s="2" customFormat="1" ht="126" customHeight="1" x14ac:dyDescent="0.25">
      <c r="A138" s="86" t="s">
        <v>66</v>
      </c>
      <c r="B138" s="108" t="s">
        <v>164</v>
      </c>
      <c r="C138" s="45"/>
      <c r="D138" s="54"/>
    </row>
    <row r="139" spans="1:4" s="2" customFormat="1" ht="105.75" customHeight="1" x14ac:dyDescent="0.25">
      <c r="A139" s="44" t="s">
        <v>60</v>
      </c>
      <c r="B139" s="108" t="s">
        <v>165</v>
      </c>
      <c r="C139" s="45"/>
      <c r="D139" s="54"/>
    </row>
    <row r="140" spans="1:4" s="2" customFormat="1" ht="29.1" customHeight="1" x14ac:dyDescent="0.25">
      <c r="A140" s="44" t="s">
        <v>61</v>
      </c>
      <c r="B140" s="108" t="s">
        <v>166</v>
      </c>
      <c r="C140" s="45"/>
      <c r="D140" s="54"/>
    </row>
    <row r="141" spans="1:4" s="2" customFormat="1" ht="66.75" customHeight="1" x14ac:dyDescent="0.25">
      <c r="A141" s="87" t="s">
        <v>62</v>
      </c>
      <c r="B141" s="108" t="s">
        <v>167</v>
      </c>
      <c r="C141" s="45"/>
      <c r="D141" s="54"/>
    </row>
    <row r="142" spans="1:4" s="2" customFormat="1" ht="90" customHeight="1" x14ac:dyDescent="0.25">
      <c r="A142" s="87" t="s">
        <v>63</v>
      </c>
      <c r="B142" s="108" t="s">
        <v>168</v>
      </c>
      <c r="C142" s="45"/>
      <c r="D142" s="54"/>
    </row>
    <row r="143" spans="1:4" s="2" customFormat="1" ht="225" customHeight="1" x14ac:dyDescent="0.25">
      <c r="A143" s="87" t="s">
        <v>64</v>
      </c>
      <c r="B143" s="114" t="s">
        <v>169</v>
      </c>
      <c r="C143" s="45"/>
      <c r="D143" s="54"/>
    </row>
    <row r="144" spans="1:4" s="2" customFormat="1" ht="105" customHeight="1" x14ac:dyDescent="0.25">
      <c r="A144" s="87" t="s">
        <v>67</v>
      </c>
      <c r="B144" s="108" t="s">
        <v>170</v>
      </c>
      <c r="C144" s="45"/>
      <c r="D144" s="54"/>
    </row>
    <row r="145" spans="1:5" s="2" customFormat="1" ht="120" customHeight="1" x14ac:dyDescent="0.25">
      <c r="A145" s="87" t="s">
        <v>68</v>
      </c>
      <c r="B145" s="108" t="s">
        <v>171</v>
      </c>
      <c r="C145" s="45"/>
      <c r="D145" s="54"/>
    </row>
    <row r="146" spans="1:5" s="2" customFormat="1" ht="105" customHeight="1" x14ac:dyDescent="0.25">
      <c r="A146" s="87" t="s">
        <v>69</v>
      </c>
      <c r="B146" s="108" t="s">
        <v>172</v>
      </c>
      <c r="C146" s="45"/>
      <c r="D146" s="54"/>
    </row>
    <row r="147" spans="1:5" s="2" customFormat="1" ht="40.5" customHeight="1" x14ac:dyDescent="0.25">
      <c r="A147" s="87" t="s">
        <v>70</v>
      </c>
      <c r="B147" s="108" t="s">
        <v>173</v>
      </c>
      <c r="C147" s="45"/>
      <c r="D147" s="54"/>
    </row>
    <row r="148" spans="1:5" s="3" customFormat="1" ht="5.0999999999999996" customHeight="1" x14ac:dyDescent="0.25">
      <c r="A148" s="5"/>
      <c r="B148" s="5"/>
      <c r="C148" s="7"/>
      <c r="D148" s="7"/>
      <c r="E148" s="2"/>
    </row>
    <row r="149" spans="1:5" s="2" customFormat="1" ht="20.100000000000001" customHeight="1" x14ac:dyDescent="0.25">
      <c r="A149" s="137" t="s">
        <v>44</v>
      </c>
      <c r="B149" s="137"/>
      <c r="C149" s="137"/>
      <c r="D149" s="137"/>
      <c r="E149" s="137"/>
    </row>
    <row r="150" spans="1:5" s="2" customFormat="1" ht="4.5" customHeight="1" thickBot="1" x14ac:dyDescent="0.3"/>
    <row r="151" spans="1:5" s="2" customFormat="1" ht="80.25" customHeight="1" x14ac:dyDescent="0.25">
      <c r="A151" s="140" t="s">
        <v>45</v>
      </c>
      <c r="B151" s="141"/>
      <c r="C151" s="163" t="s">
        <v>46</v>
      </c>
      <c r="D151" s="164"/>
    </row>
    <row r="152" spans="1:5" s="3" customFormat="1" ht="29.25" customHeight="1" thickBot="1" x14ac:dyDescent="0.3">
      <c r="A152" s="142"/>
      <c r="B152" s="143"/>
      <c r="C152" s="20" t="s">
        <v>6</v>
      </c>
      <c r="D152" s="55" t="s">
        <v>23</v>
      </c>
      <c r="E152" s="2"/>
    </row>
    <row r="153" spans="1:5" s="3" customFormat="1" ht="38.25" customHeight="1" x14ac:dyDescent="0.25">
      <c r="A153" s="116" t="s">
        <v>11</v>
      </c>
      <c r="B153" s="62" t="s">
        <v>47</v>
      </c>
      <c r="C153" s="36"/>
      <c r="D153" s="63"/>
      <c r="E153" s="2"/>
    </row>
    <row r="154" spans="1:5" s="3" customFormat="1" ht="54" customHeight="1" x14ac:dyDescent="0.25">
      <c r="A154" s="117" t="s">
        <v>49</v>
      </c>
      <c r="B154" s="54" t="s">
        <v>84</v>
      </c>
      <c r="C154" s="48"/>
      <c r="D154" s="65"/>
      <c r="E154" s="2"/>
    </row>
    <row r="155" spans="1:5" s="3" customFormat="1" ht="56.25" customHeight="1" x14ac:dyDescent="0.25">
      <c r="A155" s="117" t="s">
        <v>50</v>
      </c>
      <c r="B155" s="168" t="s">
        <v>212</v>
      </c>
      <c r="C155" s="48"/>
      <c r="D155" s="65"/>
      <c r="E155" s="2"/>
    </row>
    <row r="156" spans="1:5" s="3" customFormat="1" ht="29.25" customHeight="1" x14ac:dyDescent="0.25">
      <c r="A156" s="117" t="s">
        <v>51</v>
      </c>
      <c r="B156" s="56" t="s">
        <v>198</v>
      </c>
      <c r="C156" s="48"/>
      <c r="D156" s="65"/>
      <c r="E156" s="2"/>
    </row>
    <row r="157" spans="1:5" s="3" customFormat="1" ht="29.25" customHeight="1" x14ac:dyDescent="0.25">
      <c r="A157" s="88" t="s">
        <v>118</v>
      </c>
      <c r="B157" s="56" t="s">
        <v>115</v>
      </c>
      <c r="C157" s="48"/>
      <c r="D157" s="65"/>
      <c r="E157" s="2"/>
    </row>
    <row r="158" spans="1:5" s="3" customFormat="1" ht="29.25" customHeight="1" x14ac:dyDescent="0.25">
      <c r="A158" s="88" t="s">
        <v>119</v>
      </c>
      <c r="B158" s="56" t="s">
        <v>116</v>
      </c>
      <c r="C158" s="48"/>
      <c r="D158" s="65"/>
      <c r="E158" s="2"/>
    </row>
    <row r="159" spans="1:5" s="3" customFormat="1" ht="29.25" customHeight="1" x14ac:dyDescent="0.25">
      <c r="A159" s="88" t="s">
        <v>200</v>
      </c>
      <c r="B159" s="56" t="s">
        <v>113</v>
      </c>
      <c r="C159" s="48"/>
      <c r="D159" s="65"/>
      <c r="E159" s="2"/>
    </row>
    <row r="160" spans="1:5" s="3" customFormat="1" ht="29.25" customHeight="1" x14ac:dyDescent="0.25">
      <c r="A160" s="88" t="s">
        <v>121</v>
      </c>
      <c r="B160" s="56" t="s">
        <v>117</v>
      </c>
      <c r="C160" s="48"/>
      <c r="D160" s="65"/>
      <c r="E160" s="2"/>
    </row>
    <row r="161" spans="1:5" s="3" customFormat="1" ht="29.25" customHeight="1" x14ac:dyDescent="0.25">
      <c r="A161" s="88" t="s">
        <v>122</v>
      </c>
      <c r="B161" s="56" t="s">
        <v>112</v>
      </c>
      <c r="C161" s="48"/>
      <c r="D161" s="65"/>
      <c r="E161" s="2"/>
    </row>
    <row r="162" spans="1:5" s="3" customFormat="1" ht="29.25" customHeight="1" x14ac:dyDescent="0.25">
      <c r="A162" s="88" t="s">
        <v>123</v>
      </c>
      <c r="B162" s="56" t="s">
        <v>114</v>
      </c>
      <c r="C162" s="48"/>
      <c r="D162" s="65"/>
      <c r="E162" s="2"/>
    </row>
    <row r="163" spans="1:5" s="3" customFormat="1" ht="43.5" customHeight="1" x14ac:dyDescent="0.25">
      <c r="A163" s="117" t="s">
        <v>52</v>
      </c>
      <c r="B163" s="102" t="s">
        <v>199</v>
      </c>
      <c r="C163" s="48"/>
      <c r="D163" s="65"/>
      <c r="E163" s="2"/>
    </row>
    <row r="164" spans="1:5" s="3" customFormat="1" ht="123" customHeight="1" x14ac:dyDescent="0.25">
      <c r="A164" s="88" t="s">
        <v>201</v>
      </c>
      <c r="B164" s="56" t="s">
        <v>124</v>
      </c>
      <c r="C164" s="48"/>
      <c r="D164" s="65"/>
      <c r="E164" s="2"/>
    </row>
    <row r="165" spans="1:5" s="3" customFormat="1" ht="110.25" customHeight="1" x14ac:dyDescent="0.25">
      <c r="A165" s="88" t="s">
        <v>202</v>
      </c>
      <c r="B165" s="56" t="s">
        <v>125</v>
      </c>
      <c r="C165" s="48"/>
      <c r="D165" s="65"/>
      <c r="E165" s="2"/>
    </row>
    <row r="166" spans="1:5" s="3" customFormat="1" ht="99" customHeight="1" x14ac:dyDescent="0.25">
      <c r="A166" s="88" t="s">
        <v>203</v>
      </c>
      <c r="B166" s="56" t="s">
        <v>126</v>
      </c>
      <c r="C166" s="48"/>
      <c r="D166" s="65"/>
      <c r="E166" s="2"/>
    </row>
    <row r="167" spans="1:5" s="3" customFormat="1" ht="29.25" customHeight="1" x14ac:dyDescent="0.25">
      <c r="A167" s="88" t="s">
        <v>204</v>
      </c>
      <c r="B167" s="56" t="s">
        <v>120</v>
      </c>
      <c r="C167" s="48"/>
      <c r="D167" s="65"/>
      <c r="E167" s="2"/>
    </row>
    <row r="168" spans="1:5" s="3" customFormat="1" ht="54.75" customHeight="1" x14ac:dyDescent="0.25">
      <c r="A168" s="88" t="s">
        <v>205</v>
      </c>
      <c r="B168" s="56" t="s">
        <v>127</v>
      </c>
      <c r="C168" s="48"/>
      <c r="D168" s="65"/>
      <c r="E168" s="2"/>
    </row>
    <row r="169" spans="1:5" s="3" customFormat="1" ht="72" customHeight="1" x14ac:dyDescent="0.25">
      <c r="A169" s="88" t="s">
        <v>206</v>
      </c>
      <c r="B169" s="56" t="s">
        <v>138</v>
      </c>
      <c r="C169" s="48"/>
      <c r="D169" s="65"/>
      <c r="E169" s="2"/>
    </row>
    <row r="170" spans="1:5" s="3" customFormat="1" ht="100.5" customHeight="1" thickBot="1" x14ac:dyDescent="0.3">
      <c r="A170" s="118" t="s">
        <v>53</v>
      </c>
      <c r="B170" s="103" t="s">
        <v>141</v>
      </c>
      <c r="C170" s="35"/>
      <c r="D170" s="64"/>
      <c r="E170" s="2"/>
    </row>
    <row r="171" spans="1:5" s="2" customFormat="1" ht="5.0999999999999996" customHeight="1" x14ac:dyDescent="0.25">
      <c r="A171" s="5"/>
      <c r="B171" s="5"/>
      <c r="C171" s="7"/>
      <c r="D171" s="7"/>
    </row>
    <row r="172" spans="1:5" s="2" customFormat="1" ht="20.100000000000001" customHeight="1" x14ac:dyDescent="0.25">
      <c r="A172" s="137" t="s">
        <v>10</v>
      </c>
      <c r="B172" s="137"/>
      <c r="C172" s="137"/>
      <c r="D172" s="137"/>
      <c r="E172" s="137"/>
    </row>
    <row r="173" spans="1:5" s="3" customFormat="1" ht="30" customHeight="1" x14ac:dyDescent="0.25">
      <c r="A173" s="22" t="s">
        <v>12</v>
      </c>
      <c r="B173" s="146" t="s">
        <v>82</v>
      </c>
      <c r="C173" s="146"/>
      <c r="D173" s="146"/>
      <c r="E173" s="2"/>
    </row>
    <row r="174" spans="1:5" s="24" customFormat="1" ht="30" customHeight="1" x14ac:dyDescent="0.25">
      <c r="A174" s="22" t="s">
        <v>24</v>
      </c>
      <c r="B174" s="146" t="s">
        <v>25</v>
      </c>
      <c r="C174" s="146"/>
      <c r="D174" s="146"/>
      <c r="E174" s="2"/>
    </row>
    <row r="175" spans="1:5" s="24" customFormat="1" ht="30" customHeight="1" x14ac:dyDescent="0.25">
      <c r="A175" s="147" t="s">
        <v>26</v>
      </c>
      <c r="B175" s="147"/>
      <c r="C175" s="147"/>
      <c r="D175" s="147"/>
      <c r="E175" s="2"/>
    </row>
    <row r="176" spans="1:5" s="2" customFormat="1" ht="24.95" customHeight="1" x14ac:dyDescent="0.2">
      <c r="A176" s="23" t="s">
        <v>27</v>
      </c>
      <c r="B176" s="149"/>
      <c r="C176" s="149"/>
    </row>
    <row r="177" spans="1:5" s="2" customFormat="1" ht="24.95" customHeight="1" x14ac:dyDescent="0.2">
      <c r="A177" s="23" t="s">
        <v>28</v>
      </c>
      <c r="B177" s="150"/>
      <c r="C177" s="150"/>
    </row>
    <row r="178" spans="1:5" s="2" customFormat="1" ht="24.95" customHeight="1" x14ac:dyDescent="0.25">
      <c r="A178" s="23" t="s">
        <v>29</v>
      </c>
      <c r="B178" s="151"/>
      <c r="C178" s="151"/>
    </row>
    <row r="179" spans="1:5" s="3" customFormat="1" ht="24.95" customHeight="1" x14ac:dyDescent="0.25">
      <c r="A179" s="23" t="s">
        <v>30</v>
      </c>
      <c r="B179" s="151"/>
      <c r="C179" s="151"/>
      <c r="D179" s="2"/>
      <c r="E179" s="2"/>
    </row>
    <row r="180" spans="1:5" s="2" customFormat="1" ht="14.25" customHeight="1" x14ac:dyDescent="0.2">
      <c r="A180" s="11"/>
      <c r="B180" s="12"/>
      <c r="C180" s="12"/>
    </row>
    <row r="181" spans="1:5" s="3" customFormat="1" ht="15" customHeight="1" x14ac:dyDescent="0.25">
      <c r="A181" s="148" t="s">
        <v>31</v>
      </c>
      <c r="B181" s="148"/>
      <c r="C181" s="148"/>
      <c r="D181" s="148"/>
    </row>
    <row r="182" spans="1:5" s="2" customFormat="1" ht="36.75" customHeight="1" x14ac:dyDescent="0.25">
      <c r="A182" s="145" t="s">
        <v>41</v>
      </c>
      <c r="B182" s="145"/>
      <c r="C182" s="145"/>
      <c r="D182" s="145"/>
    </row>
    <row r="183" spans="1:5" s="2" customFormat="1" ht="20.100000000000001" customHeight="1" x14ac:dyDescent="0.2">
      <c r="A183" s="1"/>
      <c r="B183" s="1"/>
      <c r="C183" s="8"/>
      <c r="D183" s="8"/>
    </row>
    <row r="184" spans="1:5" s="3" customFormat="1" ht="4.5" customHeight="1" x14ac:dyDescent="0.2">
      <c r="A184" s="1"/>
      <c r="B184" s="1"/>
      <c r="C184" s="8"/>
      <c r="D184" s="8"/>
    </row>
    <row r="185" spans="1:5" s="3" customFormat="1" ht="20.100000000000001" customHeight="1" x14ac:dyDescent="0.25">
      <c r="A185" s="25" t="s">
        <v>32</v>
      </c>
      <c r="B185" s="26"/>
      <c r="C185" s="27" t="s">
        <v>33</v>
      </c>
      <c r="D185" s="51"/>
    </row>
    <row r="186" spans="1:5" s="3" customFormat="1" ht="20.100000000000001" customHeight="1" x14ac:dyDescent="0.25">
      <c r="A186" s="28"/>
      <c r="B186" s="28"/>
      <c r="C186" s="28"/>
      <c r="D186" s="29"/>
    </row>
    <row r="187" spans="1:5" ht="20.100000000000001" customHeight="1" x14ac:dyDescent="0.2">
      <c r="A187" s="25" t="s">
        <v>34</v>
      </c>
      <c r="B187" s="26"/>
      <c r="C187" s="30" t="s">
        <v>35</v>
      </c>
      <c r="D187" s="52"/>
    </row>
    <row r="188" spans="1:5" s="2" customFormat="1" ht="20.100000000000001" customHeight="1" x14ac:dyDescent="0.2">
      <c r="A188" s="1"/>
      <c r="B188" s="1"/>
      <c r="C188" s="30" t="s">
        <v>36</v>
      </c>
      <c r="D188" s="53"/>
    </row>
    <row r="189" spans="1:5" s="2" customFormat="1" ht="20.100000000000001" customHeight="1" x14ac:dyDescent="0.2">
      <c r="A189" s="1"/>
      <c r="B189" s="1"/>
      <c r="C189" s="31" t="s">
        <v>37</v>
      </c>
      <c r="D189" s="1"/>
    </row>
    <row r="190" spans="1:5" s="2" customFormat="1" ht="37.5" customHeight="1" x14ac:dyDescent="0.25"/>
    <row r="191" spans="1:5" s="2" customFormat="1" ht="24" customHeight="1" x14ac:dyDescent="0.25"/>
    <row r="192" spans="1:5" s="2" customFormat="1" ht="24" customHeight="1" x14ac:dyDescent="0.25"/>
    <row r="193" spans="1:4" s="2" customFormat="1" ht="24" customHeight="1" x14ac:dyDescent="0.25"/>
    <row r="194" spans="1:4" s="2" customFormat="1" ht="20.100000000000001" customHeight="1" x14ac:dyDescent="0.25"/>
    <row r="195" spans="1:4" s="2" customFormat="1" ht="20.100000000000001" customHeight="1" x14ac:dyDescent="0.25"/>
    <row r="196" spans="1:4" s="2" customFormat="1" ht="50.1" customHeight="1" x14ac:dyDescent="0.25"/>
    <row r="197" spans="1:4" s="2" customFormat="1" ht="43.5" customHeight="1" x14ac:dyDescent="0.25"/>
    <row r="198" spans="1:4" ht="24.75" customHeight="1" x14ac:dyDescent="0.2">
      <c r="A198" s="2"/>
      <c r="B198" s="2"/>
      <c r="C198" s="2"/>
      <c r="D198" s="2"/>
    </row>
    <row r="199" spans="1:4" x14ac:dyDescent="0.2">
      <c r="A199" s="2"/>
      <c r="B199" s="2"/>
      <c r="C199" s="2"/>
      <c r="D199" s="2"/>
    </row>
    <row r="200" spans="1:4" ht="20.100000000000001" customHeight="1" x14ac:dyDescent="0.2"/>
    <row r="201" spans="1:4" ht="4.5" customHeight="1" x14ac:dyDescent="0.2"/>
    <row r="202" spans="1:4" ht="20.100000000000001" customHeight="1" x14ac:dyDescent="0.2"/>
    <row r="203" spans="1:4" ht="20.100000000000001" customHeight="1" x14ac:dyDescent="0.2"/>
    <row r="204" spans="1:4" ht="20.100000000000001" customHeight="1" x14ac:dyDescent="0.2"/>
  </sheetData>
  <mergeCells count="61">
    <mergeCell ref="A99:D99"/>
    <mergeCell ref="A100:B100"/>
    <mergeCell ref="A151:B152"/>
    <mergeCell ref="C151:D151"/>
    <mergeCell ref="A113:B114"/>
    <mergeCell ref="C113:D113"/>
    <mergeCell ref="A128:A134"/>
    <mergeCell ref="A42:E42"/>
    <mergeCell ref="B43:C43"/>
    <mergeCell ref="B37:C37"/>
    <mergeCell ref="A49:E49"/>
    <mergeCell ref="A53:D53"/>
    <mergeCell ref="A45:B45"/>
    <mergeCell ref="A39:E39"/>
    <mergeCell ref="B40:C40"/>
    <mergeCell ref="C51:D51"/>
    <mergeCell ref="A19:E19"/>
    <mergeCell ref="A7:E7"/>
    <mergeCell ref="A1:E1"/>
    <mergeCell ref="A2:E2"/>
    <mergeCell ref="A3:E3"/>
    <mergeCell ref="A14:C14"/>
    <mergeCell ref="A8:D8"/>
    <mergeCell ref="A9:D9"/>
    <mergeCell ref="A11:D11"/>
    <mergeCell ref="A17:C17"/>
    <mergeCell ref="A18:C18"/>
    <mergeCell ref="A12:B12"/>
    <mergeCell ref="A13:C13"/>
    <mergeCell ref="A76:D76"/>
    <mergeCell ref="A77:B77"/>
    <mergeCell ref="A65:B65"/>
    <mergeCell ref="A64:D64"/>
    <mergeCell ref="A182:D182"/>
    <mergeCell ref="B173:D173"/>
    <mergeCell ref="B174:D174"/>
    <mergeCell ref="A175:D175"/>
    <mergeCell ref="A181:D181"/>
    <mergeCell ref="B176:C176"/>
    <mergeCell ref="B177:C177"/>
    <mergeCell ref="B178:C178"/>
    <mergeCell ref="B179:C179"/>
    <mergeCell ref="A111:E112"/>
    <mergeCell ref="A149:E149"/>
    <mergeCell ref="A172:E172"/>
    <mergeCell ref="A88:D88"/>
    <mergeCell ref="A89:B89"/>
    <mergeCell ref="B34:C34"/>
    <mergeCell ref="A36:E36"/>
    <mergeCell ref="A20:E20"/>
    <mergeCell ref="A28:E28"/>
    <mergeCell ref="A30:E30"/>
    <mergeCell ref="A33:E33"/>
    <mergeCell ref="A23:D23"/>
    <mergeCell ref="A21:C21"/>
    <mergeCell ref="A24:B24"/>
    <mergeCell ref="A27:B27"/>
    <mergeCell ref="A22:E22"/>
    <mergeCell ref="B31:C31"/>
    <mergeCell ref="A54:B54"/>
    <mergeCell ref="A51:B52"/>
  </mergeCells>
  <conditionalFormatting sqref="C132:C147 C61:C63 C65:C67 C84:C87 C90:C98">
    <cfRule type="containsBlanks" dxfId="23" priority="62">
      <formula>LEN(TRIM(C61))=0</formula>
    </cfRule>
  </conditionalFormatting>
  <conditionalFormatting sqref="D187">
    <cfRule type="containsBlanks" dxfId="22" priority="61">
      <formula>LEN(TRIM(D187))=0</formula>
    </cfRule>
  </conditionalFormatting>
  <conditionalFormatting sqref="B185">
    <cfRule type="containsBlanks" dxfId="21" priority="59">
      <formula>LEN(TRIM(B185))=0</formula>
    </cfRule>
  </conditionalFormatting>
  <conditionalFormatting sqref="D188">
    <cfRule type="containsBlanks" dxfId="20" priority="60">
      <formula>LEN(TRIM(D188))=0</formula>
    </cfRule>
  </conditionalFormatting>
  <conditionalFormatting sqref="B187">
    <cfRule type="containsBlanks" dxfId="19" priority="58">
      <formula>LEN(TRIM(B187))=0</formula>
    </cfRule>
  </conditionalFormatting>
  <conditionalFormatting sqref="B4:B5">
    <cfRule type="containsBlanks" dxfId="18" priority="57">
      <formula>LEN(TRIM(B4))=0</formula>
    </cfRule>
  </conditionalFormatting>
  <conditionalFormatting sqref="C54:C56">
    <cfRule type="containsBlanks" dxfId="17" priority="56">
      <formula>LEN(TRIM(C54))=0</formula>
    </cfRule>
  </conditionalFormatting>
  <conditionalFormatting sqref="C57:C58">
    <cfRule type="containsBlanks" dxfId="16" priority="55">
      <formula>LEN(TRIM(C57))=0</formula>
    </cfRule>
  </conditionalFormatting>
  <conditionalFormatting sqref="C153:C169">
    <cfRule type="containsBlanks" dxfId="15" priority="51">
      <formula>LEN(TRIM(C153))=0</formula>
    </cfRule>
  </conditionalFormatting>
  <conditionalFormatting sqref="C170">
    <cfRule type="containsBlanks" dxfId="14" priority="50">
      <formula>LEN(TRIM(C170))=0</formula>
    </cfRule>
  </conditionalFormatting>
  <conditionalFormatting sqref="B178:C178">
    <cfRule type="containsBlanks" dxfId="13" priority="47">
      <formula>LEN(TRIM(B178))=0</formula>
    </cfRule>
  </conditionalFormatting>
  <conditionalFormatting sqref="C59">
    <cfRule type="containsBlanks" dxfId="12" priority="33">
      <formula>LEN(TRIM(C59))=0</formula>
    </cfRule>
  </conditionalFormatting>
  <conditionalFormatting sqref="C68:C75">
    <cfRule type="containsBlanks" dxfId="11" priority="32">
      <formula>LEN(TRIM(C68))=0</formula>
    </cfRule>
  </conditionalFormatting>
  <conditionalFormatting sqref="C60">
    <cfRule type="containsBlanks" dxfId="10" priority="29">
      <formula>LEN(TRIM(C60))=0</formula>
    </cfRule>
  </conditionalFormatting>
  <conditionalFormatting sqref="C77:C78">
    <cfRule type="containsBlanks" dxfId="9" priority="24">
      <formula>LEN(TRIM(C77))=0</formula>
    </cfRule>
  </conditionalFormatting>
  <conditionalFormatting sqref="C83">
    <cfRule type="containsBlanks" dxfId="8" priority="19">
      <formula>LEN(TRIM(C83))=0</formula>
    </cfRule>
  </conditionalFormatting>
  <conditionalFormatting sqref="C115:C123">
    <cfRule type="containsBlanks" dxfId="7" priority="15">
      <formula>LEN(TRIM(C115))=0</formula>
    </cfRule>
  </conditionalFormatting>
  <conditionalFormatting sqref="C124:C127">
    <cfRule type="containsBlanks" dxfId="6" priority="14">
      <formula>LEN(TRIM(C124))=0</formula>
    </cfRule>
  </conditionalFormatting>
  <conditionalFormatting sqref="C128:C131">
    <cfRule type="containsBlanks" dxfId="5" priority="13">
      <formula>LEN(TRIM(C128))=0</formula>
    </cfRule>
  </conditionalFormatting>
  <conditionalFormatting sqref="C80:C82">
    <cfRule type="containsBlanks" dxfId="4" priority="4">
      <formula>LEN(TRIM(C80))=0</formula>
    </cfRule>
  </conditionalFormatting>
  <conditionalFormatting sqref="C79">
    <cfRule type="containsBlanks" dxfId="3" priority="7">
      <formula>LEN(TRIM(C79))=0</formula>
    </cfRule>
  </conditionalFormatting>
  <conditionalFormatting sqref="C89">
    <cfRule type="containsBlanks" dxfId="2" priority="3">
      <formula>LEN(TRIM(C89))=0</formula>
    </cfRule>
  </conditionalFormatting>
  <conditionalFormatting sqref="C100">
    <cfRule type="containsBlanks" dxfId="1" priority="1">
      <formula>LEN(TRIM(C100))=0</formula>
    </cfRule>
  </conditionalFormatting>
  <conditionalFormatting sqref="C101:C109">
    <cfRule type="containsBlanks" dxfId="0" priority="2">
      <formula>LEN(TRIM(C101))=0</formula>
    </cfRule>
  </conditionalFormatting>
  <printOptions horizontalCentered="1"/>
  <pageMargins left="0.70866141732283472" right="0.70866141732283472" top="0.90625" bottom="0.74803149606299213" header="0.31496062992125984" footer="0.31496062992125984"/>
  <pageSetup paperSize="9" scale="5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45</xdr:row>
                    <xdr:rowOff>9525</xdr:rowOff>
                  </from>
                  <to>
                    <xdr:col>0</xdr:col>
                    <xdr:colOff>885825</xdr:colOff>
                    <xdr:row>4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6</xdr:row>
                    <xdr:rowOff>0</xdr:rowOff>
                  </from>
                  <to>
                    <xdr:col>0</xdr:col>
                    <xdr:colOff>885825</xdr:colOff>
                    <xdr:row>4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12-20T10:55:13Z</cp:lastPrinted>
  <dcterms:created xsi:type="dcterms:W3CDTF">2017-04-21T05:51:15Z</dcterms:created>
  <dcterms:modified xsi:type="dcterms:W3CDTF">2022-12-20T12:32:41Z</dcterms:modified>
</cp:coreProperties>
</file>